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notesSlides/notesSlide46.xml" ContentType="application/vnd.openxmlformats-officedocument.presentationml.notesSlide+xml"/>
  <Override PartName="/ppt/notesSlides/notesSlide47.xml" ContentType="application/vnd.openxmlformats-officedocument.presentationml.notesSlide+xml"/>
  <Override PartName="/ppt/notesSlides/notesSlide48.xml" ContentType="application/vnd.openxmlformats-officedocument.presentationml.notesSlide+xml"/>
  <Override PartName="/ppt/notesSlides/notesSlide49.xml" ContentType="application/vnd.openxmlformats-officedocument.presentationml.notesSlide+xml"/>
  <Override PartName="/ppt/notesSlides/notesSlide50.xml" ContentType="application/vnd.openxmlformats-officedocument.presentationml.notesSlide+xml"/>
  <Override PartName="/ppt/notesSlides/notesSlide51.xml" ContentType="application/vnd.openxmlformats-officedocument.presentationml.notesSlide+xml"/>
  <Override PartName="/ppt/notesSlides/notesSlide52.xml" ContentType="application/vnd.openxmlformats-officedocument.presentationml.notesSlide+xml"/>
  <Override PartName="/ppt/notesSlides/notesSlide53.xml" ContentType="application/vnd.openxmlformats-officedocument.presentationml.notesSlide+xml"/>
  <Override PartName="/ppt/notesSlides/notesSlide54.xml" ContentType="application/vnd.openxmlformats-officedocument.presentationml.notesSlide+xml"/>
  <Override PartName="/ppt/notesSlides/notesSlide55.xml" ContentType="application/vnd.openxmlformats-officedocument.presentationml.notesSlide+xml"/>
  <Override PartName="/ppt/notesSlides/notesSlide56.xml" ContentType="application/vnd.openxmlformats-officedocument.presentationml.notesSlide+xml"/>
  <Override PartName="/ppt/notesSlides/notesSlide5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72" r:id="rId2"/>
    <p:sldMasterId id="2147483682" r:id="rId3"/>
  </p:sldMasterIdLst>
  <p:notesMasterIdLst>
    <p:notesMasterId r:id="rId61"/>
  </p:notesMasterIdLst>
  <p:sldIdLst>
    <p:sldId id="277" r:id="rId4"/>
    <p:sldId id="284" r:id="rId5"/>
    <p:sldId id="280" r:id="rId6"/>
    <p:sldId id="281" r:id="rId7"/>
    <p:sldId id="283" r:id="rId8"/>
    <p:sldId id="296" r:id="rId9"/>
    <p:sldId id="265" r:id="rId10"/>
    <p:sldId id="278" r:id="rId11"/>
    <p:sldId id="298" r:id="rId12"/>
    <p:sldId id="279" r:id="rId13"/>
    <p:sldId id="276" r:id="rId14"/>
    <p:sldId id="297" r:id="rId15"/>
    <p:sldId id="285" r:id="rId16"/>
    <p:sldId id="286" r:id="rId17"/>
    <p:sldId id="287" r:id="rId18"/>
    <p:sldId id="288" r:id="rId19"/>
    <p:sldId id="294" r:id="rId20"/>
    <p:sldId id="292" r:id="rId21"/>
    <p:sldId id="295" r:id="rId22"/>
    <p:sldId id="299" r:id="rId23"/>
    <p:sldId id="300" r:id="rId24"/>
    <p:sldId id="301" r:id="rId25"/>
    <p:sldId id="302" r:id="rId26"/>
    <p:sldId id="303" r:id="rId27"/>
    <p:sldId id="304" r:id="rId28"/>
    <p:sldId id="305" r:id="rId29"/>
    <p:sldId id="306" r:id="rId30"/>
    <p:sldId id="307" r:id="rId31"/>
    <p:sldId id="308" r:id="rId32"/>
    <p:sldId id="309" r:id="rId33"/>
    <p:sldId id="310" r:id="rId34"/>
    <p:sldId id="311" r:id="rId35"/>
    <p:sldId id="312" r:id="rId36"/>
    <p:sldId id="313" r:id="rId37"/>
    <p:sldId id="314" r:id="rId38"/>
    <p:sldId id="315" r:id="rId39"/>
    <p:sldId id="316" r:id="rId40"/>
    <p:sldId id="317" r:id="rId41"/>
    <p:sldId id="318" r:id="rId42"/>
    <p:sldId id="319" r:id="rId43"/>
    <p:sldId id="320" r:id="rId44"/>
    <p:sldId id="321" r:id="rId45"/>
    <p:sldId id="322" r:id="rId46"/>
    <p:sldId id="323" r:id="rId47"/>
    <p:sldId id="324" r:id="rId48"/>
    <p:sldId id="325" r:id="rId49"/>
    <p:sldId id="326" r:id="rId50"/>
    <p:sldId id="327" r:id="rId51"/>
    <p:sldId id="328" r:id="rId52"/>
    <p:sldId id="329" r:id="rId53"/>
    <p:sldId id="330" r:id="rId54"/>
    <p:sldId id="331" r:id="rId55"/>
    <p:sldId id="332" r:id="rId56"/>
    <p:sldId id="333" r:id="rId57"/>
    <p:sldId id="334" r:id="rId58"/>
    <p:sldId id="335" r:id="rId59"/>
    <p:sldId id="336" r:id="rId60"/>
  </p:sldIdLst>
  <p:sldSz cx="12192000" cy="6858000"/>
  <p:notesSz cx="7023100" cy="93091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000" autoAdjust="0"/>
    <p:restoredTop sz="89977" autoAdjust="0"/>
  </p:normalViewPr>
  <p:slideViewPr>
    <p:cSldViewPr snapToGrid="0">
      <p:cViewPr varScale="1">
        <p:scale>
          <a:sx n="77" d="100"/>
          <a:sy n="77" d="100"/>
        </p:scale>
        <p:origin x="835" y="5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slide" Target="slides/slide36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42" Type="http://schemas.openxmlformats.org/officeDocument/2006/relationships/slide" Target="slides/slide39.xml"/><Relationship Id="rId47" Type="http://schemas.openxmlformats.org/officeDocument/2006/relationships/slide" Target="slides/slide44.xml"/><Relationship Id="rId50" Type="http://schemas.openxmlformats.org/officeDocument/2006/relationships/slide" Target="slides/slide47.xml"/><Relationship Id="rId55" Type="http://schemas.openxmlformats.org/officeDocument/2006/relationships/slide" Target="slides/slide52.xml"/><Relationship Id="rId63" Type="http://schemas.openxmlformats.org/officeDocument/2006/relationships/viewProps" Target="viewProps.xml"/><Relationship Id="rId7" Type="http://schemas.openxmlformats.org/officeDocument/2006/relationships/slide" Target="slides/slide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openxmlformats.org/officeDocument/2006/relationships/slide" Target="slides/slide38.xml"/><Relationship Id="rId54" Type="http://schemas.openxmlformats.org/officeDocument/2006/relationships/slide" Target="slides/slide51.xml"/><Relationship Id="rId62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slide" Target="slides/slide34.xml"/><Relationship Id="rId40" Type="http://schemas.openxmlformats.org/officeDocument/2006/relationships/slide" Target="slides/slide37.xml"/><Relationship Id="rId45" Type="http://schemas.openxmlformats.org/officeDocument/2006/relationships/slide" Target="slides/slide42.xml"/><Relationship Id="rId53" Type="http://schemas.openxmlformats.org/officeDocument/2006/relationships/slide" Target="slides/slide50.xml"/><Relationship Id="rId58" Type="http://schemas.openxmlformats.org/officeDocument/2006/relationships/slide" Target="slides/slide55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49" Type="http://schemas.openxmlformats.org/officeDocument/2006/relationships/slide" Target="slides/slide46.xml"/><Relationship Id="rId57" Type="http://schemas.openxmlformats.org/officeDocument/2006/relationships/slide" Target="slides/slide54.xml"/><Relationship Id="rId61" Type="http://schemas.openxmlformats.org/officeDocument/2006/relationships/notesMaster" Target="notesMasters/notesMaster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4" Type="http://schemas.openxmlformats.org/officeDocument/2006/relationships/slide" Target="slides/slide41.xml"/><Relationship Id="rId52" Type="http://schemas.openxmlformats.org/officeDocument/2006/relationships/slide" Target="slides/slide49.xml"/><Relationship Id="rId60" Type="http://schemas.openxmlformats.org/officeDocument/2006/relationships/slide" Target="slides/slide57.xml"/><Relationship Id="rId65" Type="http://schemas.openxmlformats.org/officeDocument/2006/relationships/tableStyles" Target="tableStyle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Relationship Id="rId43" Type="http://schemas.openxmlformats.org/officeDocument/2006/relationships/slide" Target="slides/slide40.xml"/><Relationship Id="rId48" Type="http://schemas.openxmlformats.org/officeDocument/2006/relationships/slide" Target="slides/slide45.xml"/><Relationship Id="rId56" Type="http://schemas.openxmlformats.org/officeDocument/2006/relationships/slide" Target="slides/slide53.xml"/><Relationship Id="rId64" Type="http://schemas.openxmlformats.org/officeDocument/2006/relationships/theme" Target="theme/theme1.xml"/><Relationship Id="rId8" Type="http://schemas.openxmlformats.org/officeDocument/2006/relationships/slide" Target="slides/slide5.xml"/><Relationship Id="rId51" Type="http://schemas.openxmlformats.org/officeDocument/2006/relationships/slide" Target="slides/slide48.xml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slide" Target="slides/slide35.xml"/><Relationship Id="rId46" Type="http://schemas.openxmlformats.org/officeDocument/2006/relationships/slide" Target="slides/slide43.xml"/><Relationship Id="rId59" Type="http://schemas.openxmlformats.org/officeDocument/2006/relationships/slide" Target="slides/slide56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C499772-FA29-4250-B058-8F1C6F6233E8}" type="doc">
      <dgm:prSet loTypeId="urn:microsoft.com/office/officeart/2005/8/layout/hProcess7" loCatId="list" qsTypeId="urn:microsoft.com/office/officeart/2005/8/quickstyle/simple2" qsCatId="simple" csTypeId="urn:microsoft.com/office/officeart/2005/8/colors/accent6_2" csCatId="accent6" phldr="1"/>
      <dgm:spPr/>
      <dgm:t>
        <a:bodyPr/>
        <a:lstStyle/>
        <a:p>
          <a:endParaRPr lang="en-US"/>
        </a:p>
      </dgm:t>
    </dgm:pt>
    <dgm:pt modelId="{C7E71D36-8C00-48D9-A352-C6FE698A7D9A}">
      <dgm:prSet phldrT="[Text]"/>
      <dgm:spPr>
        <a:xfrm>
          <a:off x="6300210" y="434616"/>
          <a:ext cx="2017465" cy="3743407"/>
        </a:xfr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March 19</a:t>
          </a:r>
          <a:endParaRPr lang="en-US" b="1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gm:t>
    </dgm:pt>
    <dgm:pt modelId="{6F7D46AC-358A-461A-871A-FB1959552AA0}" type="parTrans" cxnId="{2D0405FB-5B08-4CD6-8AC7-933DE34277CE}">
      <dgm:prSet/>
      <dgm:spPr/>
      <dgm:t>
        <a:bodyPr/>
        <a:lstStyle/>
        <a:p>
          <a:endParaRPr lang="en-US"/>
        </a:p>
      </dgm:t>
    </dgm:pt>
    <dgm:pt modelId="{E9A6C1BA-365A-4695-82CE-2261B18632C6}" type="sibTrans" cxnId="{2D0405FB-5B08-4CD6-8AC7-933DE34277CE}">
      <dgm:prSet/>
      <dgm:spPr/>
      <dgm:t>
        <a:bodyPr/>
        <a:lstStyle/>
        <a:p>
          <a:endParaRPr lang="en-US"/>
        </a:p>
      </dgm:t>
    </dgm:pt>
    <dgm:pt modelId="{33C26386-4227-427E-8790-6CBE1450E2BE}">
      <dgm:prSet phldrT="[Text]" custT="1"/>
      <dgm:spPr>
        <a:xfrm>
          <a:off x="6703703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New Transportation Plan Chapter Review</a:t>
          </a:r>
          <a:endParaRPr lang="en-US" sz="140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endParaRPr lang="en-US" sz="140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AB908DEF-88CF-4ECC-B57C-41E2937DA48C}" type="parTrans" cxnId="{CC8B2B0A-A4A2-400B-9D60-1B9D18A41856}">
      <dgm:prSet/>
      <dgm:spPr/>
      <dgm:t>
        <a:bodyPr/>
        <a:lstStyle/>
        <a:p>
          <a:endParaRPr lang="en-US"/>
        </a:p>
      </dgm:t>
    </dgm:pt>
    <dgm:pt modelId="{12C8868B-A651-4BAC-AC3F-6BB09BF7A1F1}" type="sibTrans" cxnId="{CC8B2B0A-A4A2-400B-9D60-1B9D18A41856}">
      <dgm:prSet/>
      <dgm:spPr/>
      <dgm:t>
        <a:bodyPr/>
        <a:lstStyle/>
        <a:p>
          <a:endParaRPr lang="en-US"/>
        </a:p>
      </dgm:t>
    </dgm:pt>
    <dgm:pt modelId="{CCDB761E-04E1-47AE-B98D-04B37FB92D8E}">
      <dgm:prSet phldrT="[Text]"/>
      <dgm:spPr>
        <a:xfrm>
          <a:off x="8388287" y="434616"/>
          <a:ext cx="2017465" cy="3743407"/>
        </a:xfr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April 2</a:t>
          </a:r>
          <a:endParaRPr lang="en-US" b="1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gm:t>
    </dgm:pt>
    <dgm:pt modelId="{EEBB9F26-6BED-4833-8980-D126ACAB5A1E}" type="parTrans" cxnId="{A8DF40A5-D0C0-483C-976D-D6AD3FEB40F0}">
      <dgm:prSet/>
      <dgm:spPr/>
      <dgm:t>
        <a:bodyPr/>
        <a:lstStyle/>
        <a:p>
          <a:endParaRPr lang="en-US"/>
        </a:p>
      </dgm:t>
    </dgm:pt>
    <dgm:pt modelId="{AA36B170-2E91-4633-BC1F-E1D8CAF04F04}" type="sibTrans" cxnId="{A8DF40A5-D0C0-483C-976D-D6AD3FEB40F0}">
      <dgm:prSet/>
      <dgm:spPr/>
      <dgm:t>
        <a:bodyPr/>
        <a:lstStyle/>
        <a:p>
          <a:endParaRPr lang="en-US"/>
        </a:p>
      </dgm:t>
    </dgm:pt>
    <dgm:pt modelId="{0EC657D5-E840-4457-990E-78DE98B6D3F1}">
      <dgm:prSet phldrT="[Text]" custT="1"/>
      <dgm:spPr>
        <a:xfrm>
          <a:off x="8791780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New General Plan Chapter Review: </a:t>
          </a:r>
          <a:endParaRPr lang="en-US" sz="1400" i="1" dirty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</dgm:t>
    </dgm:pt>
    <dgm:pt modelId="{9C6F5330-6E1C-4ECF-BEA0-F05B8B8300DB}" type="parTrans" cxnId="{B39AAFDD-3546-47A4-AAD8-8EF2782C9002}">
      <dgm:prSet/>
      <dgm:spPr/>
      <dgm:t>
        <a:bodyPr/>
        <a:lstStyle/>
        <a:p>
          <a:endParaRPr lang="en-US"/>
        </a:p>
      </dgm:t>
    </dgm:pt>
    <dgm:pt modelId="{1ADBAA47-9093-47DC-B677-F359EEE3D2E7}" type="sibTrans" cxnId="{B39AAFDD-3546-47A4-AAD8-8EF2782C9002}">
      <dgm:prSet/>
      <dgm:spPr/>
      <dgm:t>
        <a:bodyPr/>
        <a:lstStyle/>
        <a:p>
          <a:endParaRPr lang="en-US"/>
        </a:p>
      </dgm:t>
    </dgm:pt>
    <dgm:pt modelId="{9FAC6549-AB10-44BE-B495-C4273BBBAEE6}">
      <dgm:prSet phldrT="[Text]"/>
      <dgm:spPr>
        <a:xfrm>
          <a:off x="10455099" y="445244"/>
          <a:ext cx="2017465" cy="3743407"/>
        </a:xfr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April 9</a:t>
          </a:r>
          <a:endParaRPr lang="en-US" b="1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gm:t>
    </dgm:pt>
    <dgm:pt modelId="{384B9588-96D1-49A9-B9DA-8153B00F84B0}" type="parTrans" cxnId="{0F517038-76DF-4EDD-91DF-7C6CE3178EBE}">
      <dgm:prSet/>
      <dgm:spPr/>
      <dgm:t>
        <a:bodyPr/>
        <a:lstStyle/>
        <a:p>
          <a:endParaRPr lang="en-US"/>
        </a:p>
      </dgm:t>
    </dgm:pt>
    <dgm:pt modelId="{F796B012-9EC3-4429-B896-7136854DFD85}" type="sibTrans" cxnId="{0F517038-76DF-4EDD-91DF-7C6CE3178EBE}">
      <dgm:prSet/>
      <dgm:spPr/>
      <dgm:t>
        <a:bodyPr/>
        <a:lstStyle/>
        <a:p>
          <a:endParaRPr lang="en-US"/>
        </a:p>
      </dgm:t>
    </dgm:pt>
    <dgm:pt modelId="{817C5577-43E3-482F-B607-48BF0897B9A6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Constrained Forecast Results</a:t>
          </a:r>
          <a:endParaRPr lang="en-US" sz="140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C5123725-E601-41F5-8ECB-3E3897C1D694}" type="parTrans" cxnId="{1C515ECA-9976-49D3-9276-40EE3AD69E90}">
      <dgm:prSet/>
      <dgm:spPr/>
      <dgm:t>
        <a:bodyPr/>
        <a:lstStyle/>
        <a:p>
          <a:endParaRPr lang="en-US"/>
        </a:p>
      </dgm:t>
    </dgm:pt>
    <dgm:pt modelId="{B867C949-D2F5-4370-A42F-29625AEE0F6D}" type="sibTrans" cxnId="{1C515ECA-9976-49D3-9276-40EE3AD69E90}">
      <dgm:prSet/>
      <dgm:spPr/>
      <dgm:t>
        <a:bodyPr/>
        <a:lstStyle/>
        <a:p>
          <a:endParaRPr lang="en-US"/>
        </a:p>
      </dgm:t>
    </dgm:pt>
    <dgm:pt modelId="{CE059BAE-36BC-4450-B3C6-A7D78C4FDF12}">
      <dgm:prSet phldrT="[Text]"/>
      <dgm:spPr>
        <a:xfrm>
          <a:off x="12495040" y="434616"/>
          <a:ext cx="2017465" cy="3743407"/>
        </a:xfr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April 30</a:t>
          </a:r>
          <a:endParaRPr lang="en-US" b="1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gm:t>
    </dgm:pt>
    <dgm:pt modelId="{A69D064D-AA66-489E-BA05-6EC6B820E76A}" type="parTrans" cxnId="{1BABB76E-2274-4FF8-83DB-B3673D5636E0}">
      <dgm:prSet/>
      <dgm:spPr/>
      <dgm:t>
        <a:bodyPr/>
        <a:lstStyle/>
        <a:p>
          <a:endParaRPr lang="en-US"/>
        </a:p>
      </dgm:t>
    </dgm:pt>
    <dgm:pt modelId="{21FE90F8-0A4F-45C6-99B5-1E067FA97551}" type="sibTrans" cxnId="{1BABB76E-2274-4FF8-83DB-B3673D5636E0}">
      <dgm:prSet/>
      <dgm:spPr/>
      <dgm:t>
        <a:bodyPr/>
        <a:lstStyle/>
        <a:p>
          <a:endParaRPr lang="en-US"/>
        </a:p>
      </dgm:t>
    </dgm:pt>
    <dgm:pt modelId="{8BC66D37-B346-4C82-90AC-9DD3007015DE}">
      <dgm:prSet phldrT="[Text]" custT="1"/>
      <dgm:spPr>
        <a:xfrm>
          <a:off x="12898533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i="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Final Review of Complete New General Plan </a:t>
          </a:r>
        </a:p>
        <a:p>
          <a:r>
            <a:rPr lang="en-US" sz="1400" i="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Final Review of Complete New Transportation </a:t>
          </a:r>
          <a:r>
            <a:rPr lang="en-US" sz="1400" i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Plan </a:t>
          </a:r>
        </a:p>
        <a:p>
          <a:r>
            <a:rPr lang="en-US" sz="1400" i="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Public Input Meetings Format Review</a:t>
          </a:r>
          <a:endParaRPr lang="en-US" sz="140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8CEF9D8B-9190-42C7-9A3D-69B5DAB12B5B}" type="parTrans" cxnId="{E25BBA52-6116-483A-8D82-872F84878901}">
      <dgm:prSet/>
      <dgm:spPr/>
      <dgm:t>
        <a:bodyPr/>
        <a:lstStyle/>
        <a:p>
          <a:endParaRPr lang="en-US"/>
        </a:p>
      </dgm:t>
    </dgm:pt>
    <dgm:pt modelId="{06614DCD-29E3-472D-ABF8-3085714EB00B}" type="sibTrans" cxnId="{E25BBA52-6116-483A-8D82-872F84878901}">
      <dgm:prSet/>
      <dgm:spPr/>
      <dgm:t>
        <a:bodyPr/>
        <a:lstStyle/>
        <a:p>
          <a:endParaRPr lang="en-US"/>
        </a:p>
      </dgm:t>
    </dgm:pt>
    <dgm:pt modelId="{134E07DC-1D6B-4A19-9B03-34F0B4834137}">
      <dgm:prSet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endParaRPr lang="en-US" sz="140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8B28D7E9-893E-46BC-BDBA-EBCC75FCC778}" type="parTrans" cxnId="{47CA0047-94A9-4836-A348-C58AFD72249E}">
      <dgm:prSet/>
      <dgm:spPr/>
      <dgm:t>
        <a:bodyPr/>
        <a:lstStyle/>
        <a:p>
          <a:endParaRPr lang="en-US"/>
        </a:p>
      </dgm:t>
    </dgm:pt>
    <dgm:pt modelId="{C85C5559-5333-4EDE-912E-6D160D0FE4FB}" type="sibTrans" cxnId="{47CA0047-94A9-4836-A348-C58AFD72249E}">
      <dgm:prSet/>
      <dgm:spPr/>
      <dgm:t>
        <a:bodyPr/>
        <a:lstStyle/>
        <a:p>
          <a:endParaRPr lang="en-US"/>
        </a:p>
      </dgm:t>
    </dgm:pt>
    <dgm:pt modelId="{700DDD02-82DC-4635-83B0-D29A812E0549}">
      <dgm:prSet phldrT="[Text]" custT="1"/>
      <dgm:spPr>
        <a:xfrm>
          <a:off x="4615626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New Transportation Plan Chapter Review </a:t>
          </a:r>
        </a:p>
      </dgm:t>
    </dgm:pt>
    <dgm:pt modelId="{8C676454-A690-4021-8BB7-EC5ED8B1E27F}">
      <dgm:prSet phldrT="[Text]"/>
      <dgm:spPr>
        <a:xfrm>
          <a:off x="4212133" y="434616"/>
          <a:ext cx="2017465" cy="3743407"/>
        </a:xfr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March 12</a:t>
          </a:r>
          <a:endParaRPr lang="en-US" b="1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gm:t>
    </dgm:pt>
    <dgm:pt modelId="{891319B6-3640-49C6-89AE-72DFA0FC8591}" type="sibTrans" cxnId="{658EBB78-802B-4050-A921-7E9D6FD2DC2D}">
      <dgm:prSet/>
      <dgm:spPr/>
      <dgm:t>
        <a:bodyPr/>
        <a:lstStyle/>
        <a:p>
          <a:endParaRPr lang="en-US"/>
        </a:p>
      </dgm:t>
    </dgm:pt>
    <dgm:pt modelId="{092D72E6-8E0C-42C2-B5E2-703B7A406BB9}" type="parTrans" cxnId="{658EBB78-802B-4050-A921-7E9D6FD2DC2D}">
      <dgm:prSet/>
      <dgm:spPr/>
      <dgm:t>
        <a:bodyPr/>
        <a:lstStyle/>
        <a:p>
          <a:endParaRPr lang="en-US"/>
        </a:p>
      </dgm:t>
    </dgm:pt>
    <dgm:pt modelId="{A25105D1-5476-4ED0-B5DD-F89606584918}" type="sibTrans" cxnId="{8A5D2D99-CCA2-487F-A95B-1DFEA50BD7D1}">
      <dgm:prSet/>
      <dgm:spPr/>
      <dgm:t>
        <a:bodyPr/>
        <a:lstStyle/>
        <a:p>
          <a:endParaRPr lang="en-US"/>
        </a:p>
      </dgm:t>
    </dgm:pt>
    <dgm:pt modelId="{F5FA3E0D-B99C-40C7-8DB8-26C6C6D8F7D5}" type="parTrans" cxnId="{8A5D2D99-CCA2-487F-A95B-1DFEA50BD7D1}">
      <dgm:prSet/>
      <dgm:spPr/>
      <dgm:t>
        <a:bodyPr/>
        <a:lstStyle/>
        <a:p>
          <a:endParaRPr lang="en-US"/>
        </a:p>
      </dgm:t>
    </dgm:pt>
    <dgm:pt modelId="{B39C728B-B21F-4A4A-AAA0-5E927E32272B}">
      <dgm:prSet phldrT="[Text]" custT="1"/>
      <dgm:spPr>
        <a:xfrm>
          <a:off x="2527549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i="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Quality Development White Paper &amp; Policy Review</a:t>
          </a:r>
          <a:endParaRPr lang="en-US" sz="140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0957B2AD-CAF3-4FEC-B5EA-51B0E4B3F0F6}" type="sibTrans" cxnId="{F26DCC12-D470-4714-8110-A02A9689ACCE}">
      <dgm:prSet/>
      <dgm:spPr/>
      <dgm:t>
        <a:bodyPr/>
        <a:lstStyle/>
        <a:p>
          <a:endParaRPr lang="en-US"/>
        </a:p>
      </dgm:t>
    </dgm:pt>
    <dgm:pt modelId="{09589783-D3EF-4200-B133-27189C435F9A}" type="parTrans" cxnId="{F26DCC12-D470-4714-8110-A02A9689ACCE}">
      <dgm:prSet/>
      <dgm:spPr/>
      <dgm:t>
        <a:bodyPr/>
        <a:lstStyle/>
        <a:p>
          <a:endParaRPr lang="en-US"/>
        </a:p>
      </dgm:t>
    </dgm:pt>
    <dgm:pt modelId="{7851F3D3-E201-4C4A-BD0F-C0204898B9A4}">
      <dgm:prSet phldrT="[Text]"/>
      <dgm:spPr>
        <a:xfrm>
          <a:off x="2124056" y="434616"/>
          <a:ext cx="2017465" cy="3743407"/>
        </a:xfr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March 5</a:t>
          </a:r>
          <a:endParaRPr lang="en-US" b="1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gm:t>
    </dgm:pt>
    <dgm:pt modelId="{40DD3E2C-A4C9-4FE1-BF63-1274AB049FF8}" type="sibTrans" cxnId="{727CED4E-D272-4F8E-8C78-DDB4C2F458AE}">
      <dgm:prSet/>
      <dgm:spPr/>
      <dgm:t>
        <a:bodyPr/>
        <a:lstStyle/>
        <a:p>
          <a:endParaRPr lang="en-US"/>
        </a:p>
      </dgm:t>
    </dgm:pt>
    <dgm:pt modelId="{CBAD6108-001E-4DD2-B262-3485160A2319}" type="parTrans" cxnId="{727CED4E-D272-4F8E-8C78-DDB4C2F458AE}">
      <dgm:prSet/>
      <dgm:spPr/>
      <dgm:t>
        <a:bodyPr/>
        <a:lstStyle/>
        <a:p>
          <a:endParaRPr lang="en-US"/>
        </a:p>
      </dgm:t>
    </dgm:pt>
    <dgm:pt modelId="{49F2CF6D-9CBC-4B0B-8E21-412222138776}">
      <dgm:prSet custT="1"/>
      <dgm:spPr/>
      <dgm:t>
        <a:bodyPr/>
        <a:lstStyle/>
        <a:p>
          <a:pPr marL="114300" indent="0"/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Natural &amp; Heritage Resources</a:t>
          </a:r>
        </a:p>
        <a:p>
          <a:pPr marL="114300" indent="0"/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Housing</a:t>
          </a:r>
        </a:p>
        <a:p>
          <a:pPr marL="114300" indent="0"/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Economic Development</a:t>
          </a:r>
        </a:p>
        <a:p>
          <a:endParaRPr lang="en-US" sz="1450" dirty="0" smtClean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</dgm:t>
    </dgm:pt>
    <dgm:pt modelId="{19F31745-8D7C-4680-9FF6-1B4D3BECA5EE}" type="parTrans" cxnId="{94750D5E-24EC-45A2-B315-BD58C489FCB8}">
      <dgm:prSet/>
      <dgm:spPr/>
      <dgm:t>
        <a:bodyPr/>
        <a:lstStyle/>
        <a:p>
          <a:endParaRPr lang="en-US"/>
        </a:p>
      </dgm:t>
    </dgm:pt>
    <dgm:pt modelId="{D41B061E-ED3E-48E3-86BE-EB7BB9254648}" type="sibTrans" cxnId="{94750D5E-24EC-45A2-B315-BD58C489FCB8}">
      <dgm:prSet/>
      <dgm:spPr/>
      <dgm:t>
        <a:bodyPr/>
        <a:lstStyle/>
        <a:p>
          <a:endParaRPr lang="en-US"/>
        </a:p>
      </dgm:t>
    </dgm:pt>
    <dgm:pt modelId="{3CC538CC-ACFC-433E-8B62-D78E02F87607}">
      <dgm:prSet custT="1"/>
      <dgm:spPr/>
      <dgm:t>
        <a:bodyPr/>
        <a:lstStyle/>
        <a:p>
          <a:endParaRPr lang="en-US" sz="1450" dirty="0" smtClean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</dgm:t>
    </dgm:pt>
    <dgm:pt modelId="{D7C5A070-6B70-43AE-9EEA-EE172C7F0DB8}" type="parTrans" cxnId="{21E7AA80-7E41-4E1F-9D62-21FD14E3049D}">
      <dgm:prSet/>
      <dgm:spPr/>
      <dgm:t>
        <a:bodyPr/>
        <a:lstStyle/>
        <a:p>
          <a:endParaRPr lang="en-US"/>
        </a:p>
      </dgm:t>
    </dgm:pt>
    <dgm:pt modelId="{513DD373-E25B-4485-A3C9-0398524069BA}" type="sibTrans" cxnId="{21E7AA80-7E41-4E1F-9D62-21FD14E3049D}">
      <dgm:prSet/>
      <dgm:spPr/>
      <dgm:t>
        <a:bodyPr/>
        <a:lstStyle/>
        <a:p>
          <a:endParaRPr lang="en-US"/>
        </a:p>
      </dgm:t>
    </dgm:pt>
    <dgm:pt modelId="{9587EAC1-FF08-42F1-AB0C-A2604BA6A68A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endParaRPr lang="en-US" sz="1400" dirty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</dgm:t>
    </dgm:pt>
    <dgm:pt modelId="{84E75E95-0455-480C-800E-ECE159B46DEE}" type="parTrans" cxnId="{30CA5703-3A35-4A02-87F1-F67E2B68764C}">
      <dgm:prSet/>
      <dgm:spPr/>
      <dgm:t>
        <a:bodyPr/>
        <a:lstStyle/>
        <a:p>
          <a:endParaRPr lang="en-US"/>
        </a:p>
      </dgm:t>
    </dgm:pt>
    <dgm:pt modelId="{06D47268-5C30-4AC6-9313-650236B0D9A1}" type="sibTrans" cxnId="{30CA5703-3A35-4A02-87F1-F67E2B68764C}">
      <dgm:prSet/>
      <dgm:spPr/>
      <dgm:t>
        <a:bodyPr/>
        <a:lstStyle/>
        <a:p>
          <a:endParaRPr lang="en-US"/>
        </a:p>
      </dgm:t>
    </dgm:pt>
    <dgm:pt modelId="{EDC52470-C31A-4EDC-943B-2699ED173EDF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endParaRPr lang="en-US" sz="1400" i="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81889012-AF2F-43F2-9625-51129BC9BECB}" type="parTrans" cxnId="{82212B6D-0071-42D9-8E81-8F8BE5A3327B}">
      <dgm:prSet/>
      <dgm:spPr/>
      <dgm:t>
        <a:bodyPr/>
        <a:lstStyle/>
        <a:p>
          <a:endParaRPr lang="en-US"/>
        </a:p>
      </dgm:t>
    </dgm:pt>
    <dgm:pt modelId="{34796E09-B51C-4C0B-9C8B-3DB4797A1F21}" type="sibTrans" cxnId="{82212B6D-0071-42D9-8E81-8F8BE5A3327B}">
      <dgm:prSet/>
      <dgm:spPr/>
      <dgm:t>
        <a:bodyPr/>
        <a:lstStyle/>
        <a:p>
          <a:endParaRPr lang="en-US"/>
        </a:p>
      </dgm:t>
    </dgm:pt>
    <dgm:pt modelId="{CDF982BE-644F-47A8-AF6F-BD0299257C11}">
      <dgm:prSet custT="1"/>
      <dgm:spPr/>
      <dgm:t>
        <a:bodyPr/>
        <a:lstStyle/>
        <a:p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New General Plan Chapter Review:</a:t>
          </a:r>
        </a:p>
        <a:p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Introduction</a:t>
          </a:r>
        </a:p>
        <a:p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Rural Policy Area 	</a:t>
          </a:r>
        </a:p>
        <a:p>
          <a:endParaRPr lang="en-US" sz="1400" i="1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488D2207-815D-46CB-BA2A-981BE4E7F8C7}" type="parTrans" cxnId="{F8B8D24F-92A7-4511-A034-D89C728E72C9}">
      <dgm:prSet/>
      <dgm:spPr/>
      <dgm:t>
        <a:bodyPr/>
        <a:lstStyle/>
        <a:p>
          <a:endParaRPr lang="en-US"/>
        </a:p>
      </dgm:t>
    </dgm:pt>
    <dgm:pt modelId="{2F32CBF9-B066-4B14-B273-B808EF70B5B3}" type="sibTrans" cxnId="{F8B8D24F-92A7-4511-A034-D89C728E72C9}">
      <dgm:prSet/>
      <dgm:spPr/>
      <dgm:t>
        <a:bodyPr/>
        <a:lstStyle/>
        <a:p>
          <a:endParaRPr lang="en-US"/>
        </a:p>
      </dgm:t>
    </dgm:pt>
    <dgm:pt modelId="{63B4E4AE-8196-4F6D-8F8D-FC0C5D630792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pPr marL="114300" indent="0"/>
          <a:r>
            <a:rPr lang="en-US" sz="1400" i="1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Built Environment/ Land Use</a:t>
          </a:r>
        </a:p>
        <a:p>
          <a:pPr marL="114300" indent="0"/>
          <a:r>
            <a:rPr lang="en-US" sz="1400" i="1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Fiscal Management &amp; Facilities</a:t>
          </a:r>
          <a:endParaRPr lang="en-US" sz="1400" i="1" dirty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</dgm:t>
    </dgm:pt>
    <dgm:pt modelId="{6290CDDD-7243-43C6-9A0E-BF9BFC2A3184}" type="sibTrans" cxnId="{13F4A51A-CD01-47B3-8E06-D0A59EBC8A94}">
      <dgm:prSet/>
      <dgm:spPr/>
      <dgm:t>
        <a:bodyPr/>
        <a:lstStyle/>
        <a:p>
          <a:endParaRPr lang="en-US"/>
        </a:p>
      </dgm:t>
    </dgm:pt>
    <dgm:pt modelId="{D9BDD7F9-0C01-40CD-BC49-E2E0C087AA63}" type="parTrans" cxnId="{13F4A51A-CD01-47B3-8E06-D0A59EBC8A94}">
      <dgm:prSet/>
      <dgm:spPr/>
      <dgm:t>
        <a:bodyPr/>
        <a:lstStyle/>
        <a:p>
          <a:endParaRPr lang="en-US"/>
        </a:p>
      </dgm:t>
    </dgm:pt>
    <dgm:pt modelId="{465F8856-7AD5-4AE4-8673-2144CD2347A1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pPr marL="114300" indent="0"/>
          <a:r>
            <a:rPr lang="en-US" sz="1400" i="1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Implementation</a:t>
          </a:r>
          <a:endParaRPr lang="en-US" sz="1400" dirty="0"/>
        </a:p>
      </dgm:t>
    </dgm:pt>
    <dgm:pt modelId="{D7C8AC43-9B39-4B57-9ED2-FF2F195B94E4}" type="parTrans" cxnId="{3260F44C-9D27-44DC-9115-7CE11BC43F17}">
      <dgm:prSet/>
      <dgm:spPr/>
      <dgm:t>
        <a:bodyPr/>
        <a:lstStyle/>
        <a:p>
          <a:endParaRPr lang="en-US"/>
        </a:p>
      </dgm:t>
    </dgm:pt>
    <dgm:pt modelId="{6FCA03AF-1175-4514-B297-C1DF4A78D3A5}" type="sibTrans" cxnId="{3260F44C-9D27-44DC-9115-7CE11BC43F17}">
      <dgm:prSet/>
      <dgm:spPr/>
      <dgm:t>
        <a:bodyPr/>
        <a:lstStyle/>
        <a:p>
          <a:endParaRPr lang="en-US"/>
        </a:p>
      </dgm:t>
    </dgm:pt>
    <dgm:pt modelId="{83DEF4BF-7356-4959-884F-95AC790739A7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dirty="0" smtClean="0"/>
            <a:t>Fiscal Impact Assessment</a:t>
          </a:r>
        </a:p>
      </dgm:t>
    </dgm:pt>
    <dgm:pt modelId="{BA029059-1902-41BF-BBB5-6929E87D2229}" type="parTrans" cxnId="{799BB303-834D-4703-A169-4263AC4F287F}">
      <dgm:prSet/>
      <dgm:spPr/>
      <dgm:t>
        <a:bodyPr/>
        <a:lstStyle/>
        <a:p>
          <a:endParaRPr lang="en-US"/>
        </a:p>
      </dgm:t>
    </dgm:pt>
    <dgm:pt modelId="{D1FA4E3B-DA89-4B12-852C-2CE32957716B}" type="sibTrans" cxnId="{799BB303-834D-4703-A169-4263AC4F287F}">
      <dgm:prSet/>
      <dgm:spPr/>
      <dgm:t>
        <a:bodyPr/>
        <a:lstStyle/>
        <a:p>
          <a:endParaRPr lang="en-US"/>
        </a:p>
      </dgm:t>
    </dgm:pt>
    <dgm:pt modelId="{7DF4AD53-4682-4F11-9BDE-ED92977F501E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i="1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New General Plan Chapter Review: </a:t>
          </a:r>
          <a:endParaRPr lang="en-US" dirty="0"/>
        </a:p>
      </dgm:t>
    </dgm:pt>
    <dgm:pt modelId="{553D6943-0942-40A0-93FB-A839F34B4EB8}" type="parTrans" cxnId="{59312715-395D-453E-9B65-54D196A642EC}">
      <dgm:prSet/>
      <dgm:spPr/>
    </dgm:pt>
    <dgm:pt modelId="{2FC7D587-FF70-40DC-807D-42F6FEBBC582}" type="sibTrans" cxnId="{59312715-395D-453E-9B65-54D196A642EC}">
      <dgm:prSet/>
      <dgm:spPr/>
    </dgm:pt>
    <dgm:pt modelId="{945F0300-20CE-48D3-AB7E-F48458036502}" type="pres">
      <dgm:prSet presAssocID="{7C499772-FA29-4250-B058-8F1C6F6233E8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C7294973-A4AF-47FB-AFFC-C2FE4D1218F3}" type="pres">
      <dgm:prSet presAssocID="{7851F3D3-E201-4C4A-BD0F-C0204898B9A4}" presName="compositeNode" presStyleCnt="0">
        <dgm:presLayoutVars>
          <dgm:bulletEnabled val="1"/>
        </dgm:presLayoutVars>
      </dgm:prSet>
      <dgm:spPr/>
    </dgm:pt>
    <dgm:pt modelId="{5390F804-FF85-4E1E-89EA-43B9C5A1F867}" type="pres">
      <dgm:prSet presAssocID="{7851F3D3-E201-4C4A-BD0F-C0204898B9A4}" presName="bgRect" presStyleLbl="node1" presStyleIdx="0" presStyleCnt="6" custScaleY="214780" custLinFactNeighborX="2278" custLinFactNeighborY="715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EFCD8E74-88ED-4FDD-BC51-012FEC10DAB4}" type="pres">
      <dgm:prSet presAssocID="{7851F3D3-E201-4C4A-BD0F-C0204898B9A4}" presName="parentNode" presStyleLbl="node1" presStyleIdx="0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97E7590-B16C-42B3-A27B-9260CADBA327}" type="pres">
      <dgm:prSet presAssocID="{7851F3D3-E201-4C4A-BD0F-C0204898B9A4}" presName="childNode" presStyleLbl="node1" presStyleIdx="0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293AA103-2877-490D-81DE-1EA20CF87DA3}" type="pres">
      <dgm:prSet presAssocID="{40DD3E2C-A4C9-4FE1-BF63-1274AB049FF8}" presName="hSp" presStyleCnt="0"/>
      <dgm:spPr/>
    </dgm:pt>
    <dgm:pt modelId="{04EB6DB5-8147-449D-B4EE-BBDAF94A5762}" type="pres">
      <dgm:prSet presAssocID="{40DD3E2C-A4C9-4FE1-BF63-1274AB049FF8}" presName="vProcSp" presStyleCnt="0"/>
      <dgm:spPr/>
    </dgm:pt>
    <dgm:pt modelId="{84DCB400-052D-4659-9686-0176B817081D}" type="pres">
      <dgm:prSet presAssocID="{40DD3E2C-A4C9-4FE1-BF63-1274AB049FF8}" presName="vSp1" presStyleCnt="0"/>
      <dgm:spPr/>
    </dgm:pt>
    <dgm:pt modelId="{7A8AF3E9-2CC2-4684-9843-899AE65FF7DB}" type="pres">
      <dgm:prSet presAssocID="{40DD3E2C-A4C9-4FE1-BF63-1274AB049FF8}" presName="simulatedConn" presStyleLbl="solidFgAcc1" presStyleIdx="0" presStyleCnt="5"/>
      <dgm:spPr>
        <a:xfrm rot="5400000">
          <a:off x="4009822" y="2356439"/>
          <a:ext cx="355394" cy="302619"/>
        </a:xfrm>
        <a:prstGeom prst="flowChartExtract">
          <a:avLst/>
        </a:prstGeom>
        <a:solidFill>
          <a:srgbClr val="FF9900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70D2200A-B9C8-4A8F-8816-6460C6657425}" type="pres">
      <dgm:prSet presAssocID="{40DD3E2C-A4C9-4FE1-BF63-1274AB049FF8}" presName="vSp2" presStyleCnt="0"/>
      <dgm:spPr/>
    </dgm:pt>
    <dgm:pt modelId="{4873F15F-43CC-4D98-8A08-019BB74DEE33}" type="pres">
      <dgm:prSet presAssocID="{40DD3E2C-A4C9-4FE1-BF63-1274AB049FF8}" presName="sibTrans" presStyleCnt="0"/>
      <dgm:spPr/>
    </dgm:pt>
    <dgm:pt modelId="{3FCC37A0-C373-4DE6-AA0F-5FA05C60ECF5}" type="pres">
      <dgm:prSet presAssocID="{8C676454-A690-4021-8BB7-EC5ED8B1E27F}" presName="compositeNode" presStyleCnt="0">
        <dgm:presLayoutVars>
          <dgm:bulletEnabled val="1"/>
        </dgm:presLayoutVars>
      </dgm:prSet>
      <dgm:spPr/>
    </dgm:pt>
    <dgm:pt modelId="{60BE9846-3508-4D0D-A068-D0038856A4CB}" type="pres">
      <dgm:prSet presAssocID="{8C676454-A690-4021-8BB7-EC5ED8B1E27F}" presName="bgRect" presStyleLbl="node1" presStyleIdx="1" presStyleCnt="6" custScaleY="214780" custLinFactNeighborX="1720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CD2F3053-B2C0-4B09-9EA2-306357F0E2E7}" type="pres">
      <dgm:prSet presAssocID="{8C676454-A690-4021-8BB7-EC5ED8B1E27F}" presName="parentNode" presStyleLbl="node1" presStyleIdx="1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8BD2E17-0A28-48C5-AD9E-088721A24733}" type="pres">
      <dgm:prSet presAssocID="{8C676454-A690-4021-8BB7-EC5ED8B1E27F}" presName="childNode" presStyleLbl="node1" presStyleIdx="1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26D8B9AD-258C-4431-B232-2F2627133E22}" type="pres">
      <dgm:prSet presAssocID="{891319B6-3640-49C6-89AE-72DFA0FC8591}" presName="hSp" presStyleCnt="0"/>
      <dgm:spPr/>
    </dgm:pt>
    <dgm:pt modelId="{D82ECFCE-43C5-4E6E-A770-EC7E3C5A4EB3}" type="pres">
      <dgm:prSet presAssocID="{891319B6-3640-49C6-89AE-72DFA0FC8591}" presName="vProcSp" presStyleCnt="0"/>
      <dgm:spPr/>
    </dgm:pt>
    <dgm:pt modelId="{867AE4F0-9EBB-497C-A2F9-E522D275B93E}" type="pres">
      <dgm:prSet presAssocID="{891319B6-3640-49C6-89AE-72DFA0FC8591}" presName="vSp1" presStyleCnt="0"/>
      <dgm:spPr/>
    </dgm:pt>
    <dgm:pt modelId="{A5F0E527-E669-49DA-84EC-85BDB08F62A4}" type="pres">
      <dgm:prSet presAssocID="{891319B6-3640-49C6-89AE-72DFA0FC8591}" presName="simulatedConn" presStyleLbl="solidFgAcc1" presStyleIdx="1" presStyleCnt="5"/>
      <dgm:spPr>
        <a:xfrm rot="5400000">
          <a:off x="6097899" y="2356439"/>
          <a:ext cx="355394" cy="302619"/>
        </a:xfrm>
        <a:prstGeom prst="flowChartExtract">
          <a:avLst/>
        </a:prstGeom>
        <a:solidFill>
          <a:srgbClr val="FF9900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3DF4F42E-000C-41C8-9DF8-DBC7FB649CAF}" type="pres">
      <dgm:prSet presAssocID="{891319B6-3640-49C6-89AE-72DFA0FC8591}" presName="vSp2" presStyleCnt="0"/>
      <dgm:spPr/>
    </dgm:pt>
    <dgm:pt modelId="{8AFA98F6-C715-4A42-B16E-9369D979C381}" type="pres">
      <dgm:prSet presAssocID="{891319B6-3640-49C6-89AE-72DFA0FC8591}" presName="sibTrans" presStyleCnt="0"/>
      <dgm:spPr/>
    </dgm:pt>
    <dgm:pt modelId="{1771295A-7954-45C7-8E21-AFCCF4772C25}" type="pres">
      <dgm:prSet presAssocID="{C7E71D36-8C00-48D9-A352-C6FE698A7D9A}" presName="compositeNode" presStyleCnt="0">
        <dgm:presLayoutVars>
          <dgm:bulletEnabled val="1"/>
        </dgm:presLayoutVars>
      </dgm:prSet>
      <dgm:spPr/>
    </dgm:pt>
    <dgm:pt modelId="{7D117C16-9071-40CF-8C36-95ED4B11076F}" type="pres">
      <dgm:prSet presAssocID="{C7E71D36-8C00-48D9-A352-C6FE698A7D9A}" presName="bgRect" presStyleLbl="node1" presStyleIdx="2" presStyleCnt="6" custScaleY="214780" custLinFactNeighborX="1720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1BEB2CA0-9371-48CD-809F-923C8F91A5E8}" type="pres">
      <dgm:prSet presAssocID="{C7E71D36-8C00-48D9-A352-C6FE698A7D9A}" presName="parentNode" presStyleLbl="node1" presStyleIdx="2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DBEAFCD-1445-4A59-AA0C-BF8DB8B27E1D}" type="pres">
      <dgm:prSet presAssocID="{C7E71D36-8C00-48D9-A352-C6FE698A7D9A}" presName="childNode" presStyleLbl="node1" presStyleIdx="2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D7D6E755-1A1C-46A7-AD0B-295D45E2D7EF}" type="pres">
      <dgm:prSet presAssocID="{E9A6C1BA-365A-4695-82CE-2261B18632C6}" presName="hSp" presStyleCnt="0"/>
      <dgm:spPr/>
    </dgm:pt>
    <dgm:pt modelId="{97E029EA-8F1D-4E23-BD12-0BD74409F243}" type="pres">
      <dgm:prSet presAssocID="{E9A6C1BA-365A-4695-82CE-2261B18632C6}" presName="vProcSp" presStyleCnt="0"/>
      <dgm:spPr/>
    </dgm:pt>
    <dgm:pt modelId="{506CB5F5-3385-4C8E-9317-99356178C5C9}" type="pres">
      <dgm:prSet presAssocID="{E9A6C1BA-365A-4695-82CE-2261B18632C6}" presName="vSp1" presStyleCnt="0"/>
      <dgm:spPr/>
    </dgm:pt>
    <dgm:pt modelId="{E8E2CD7C-7E4D-4B62-B697-2BB02B2FCFCC}" type="pres">
      <dgm:prSet presAssocID="{E9A6C1BA-365A-4695-82CE-2261B18632C6}" presName="simulatedConn" presStyleLbl="solidFgAcc1" presStyleIdx="2" presStyleCnt="5"/>
      <dgm:spPr>
        <a:xfrm rot="5400000">
          <a:off x="8185976" y="2356439"/>
          <a:ext cx="355394" cy="302619"/>
        </a:xfrm>
        <a:prstGeom prst="flowChartExtract">
          <a:avLst/>
        </a:prstGeom>
        <a:solidFill>
          <a:srgbClr val="FF9900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3623185D-1F8B-46CC-8983-25D34AEB49F4}" type="pres">
      <dgm:prSet presAssocID="{E9A6C1BA-365A-4695-82CE-2261B18632C6}" presName="vSp2" presStyleCnt="0"/>
      <dgm:spPr/>
    </dgm:pt>
    <dgm:pt modelId="{E239D28F-7A7D-4D8E-B0F4-479E149AE7B4}" type="pres">
      <dgm:prSet presAssocID="{E9A6C1BA-365A-4695-82CE-2261B18632C6}" presName="sibTrans" presStyleCnt="0"/>
      <dgm:spPr/>
    </dgm:pt>
    <dgm:pt modelId="{428B60CB-B318-4A3B-BD7C-AFC1787E94E2}" type="pres">
      <dgm:prSet presAssocID="{CCDB761E-04E1-47AE-B98D-04B37FB92D8E}" presName="compositeNode" presStyleCnt="0">
        <dgm:presLayoutVars>
          <dgm:bulletEnabled val="1"/>
        </dgm:presLayoutVars>
      </dgm:prSet>
      <dgm:spPr/>
    </dgm:pt>
    <dgm:pt modelId="{AF0FCADA-4F83-4C74-87AD-EE65E4A8765F}" type="pres">
      <dgm:prSet presAssocID="{CCDB761E-04E1-47AE-B98D-04B37FB92D8E}" presName="bgRect" presStyleLbl="node1" presStyleIdx="3" presStyleCnt="6" custScaleY="214780" custLinFactNeighborX="1720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B1C90878-DF12-4D9C-8707-F838324D849C}" type="pres">
      <dgm:prSet presAssocID="{CCDB761E-04E1-47AE-B98D-04B37FB92D8E}" presName="parentNode" presStyleLbl="node1" presStyleIdx="3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E5D25A3-739F-488C-B632-DE0580B85A86}" type="pres">
      <dgm:prSet presAssocID="{CCDB761E-04E1-47AE-B98D-04B37FB92D8E}" presName="childNode" presStyleLbl="node1" presStyleIdx="3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2AD866ED-454B-4286-8FB1-1774D10FAED9}" type="pres">
      <dgm:prSet presAssocID="{AA36B170-2E91-4633-BC1F-E1D8CAF04F04}" presName="hSp" presStyleCnt="0"/>
      <dgm:spPr/>
    </dgm:pt>
    <dgm:pt modelId="{5A0CCE34-7A45-45E5-9B9C-E99ECC3CFCEB}" type="pres">
      <dgm:prSet presAssocID="{AA36B170-2E91-4633-BC1F-E1D8CAF04F04}" presName="vProcSp" presStyleCnt="0"/>
      <dgm:spPr/>
    </dgm:pt>
    <dgm:pt modelId="{A9B5B999-88BC-4564-8925-FE21F2E19AD9}" type="pres">
      <dgm:prSet presAssocID="{AA36B170-2E91-4633-BC1F-E1D8CAF04F04}" presName="vSp1" presStyleCnt="0"/>
      <dgm:spPr/>
    </dgm:pt>
    <dgm:pt modelId="{50232989-C6F4-4E7A-B962-DFD929347658}" type="pres">
      <dgm:prSet presAssocID="{AA36B170-2E91-4633-BC1F-E1D8CAF04F04}" presName="simulatedConn" presStyleLbl="solidFgAcc1" presStyleIdx="3" presStyleCnt="5"/>
      <dgm:spPr>
        <a:xfrm rot="5400000">
          <a:off x="10274053" y="2356439"/>
          <a:ext cx="355394" cy="302619"/>
        </a:xfrm>
        <a:prstGeom prst="flowChartExtract">
          <a:avLst/>
        </a:prstGeom>
        <a:solidFill>
          <a:srgbClr val="FF9900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82D2E747-B170-47EB-AEAD-A66683BBACFF}" type="pres">
      <dgm:prSet presAssocID="{AA36B170-2E91-4633-BC1F-E1D8CAF04F04}" presName="vSp2" presStyleCnt="0"/>
      <dgm:spPr/>
    </dgm:pt>
    <dgm:pt modelId="{D5497436-12A4-468F-88CD-F390C792361D}" type="pres">
      <dgm:prSet presAssocID="{AA36B170-2E91-4633-BC1F-E1D8CAF04F04}" presName="sibTrans" presStyleCnt="0"/>
      <dgm:spPr/>
    </dgm:pt>
    <dgm:pt modelId="{57A0F18E-D55C-4370-9E31-D0503E640466}" type="pres">
      <dgm:prSet presAssocID="{9FAC6549-AB10-44BE-B495-C4273BBBAEE6}" presName="compositeNode" presStyleCnt="0">
        <dgm:presLayoutVars>
          <dgm:bulletEnabled val="1"/>
        </dgm:presLayoutVars>
      </dgm:prSet>
      <dgm:spPr/>
    </dgm:pt>
    <dgm:pt modelId="{0459CA4B-0FB7-42AB-8469-92CE969D47E0}" type="pres">
      <dgm:prSet presAssocID="{9FAC6549-AB10-44BE-B495-C4273BBBAEE6}" presName="bgRect" presStyleLbl="node1" presStyleIdx="4" presStyleCnt="6" custScaleY="214780" custLinFactNeighborX="666" custLinFactNeighborY="439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C1590E85-385D-4EE2-9BD9-C04A9736B365}" type="pres">
      <dgm:prSet presAssocID="{9FAC6549-AB10-44BE-B495-C4273BBBAEE6}" presName="parentNode" presStyleLbl="node1" presStyleIdx="4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D5F7A3-324D-4595-802E-A7F62C405837}" type="pres">
      <dgm:prSet presAssocID="{9FAC6549-AB10-44BE-B495-C4273BBBAEE6}" presName="childNode" presStyleLbl="node1" presStyleIdx="4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C53440B5-94A8-4D59-83EF-D465D3FA87C3}" type="pres">
      <dgm:prSet presAssocID="{F796B012-9EC3-4429-B896-7136854DFD85}" presName="hSp" presStyleCnt="0"/>
      <dgm:spPr/>
    </dgm:pt>
    <dgm:pt modelId="{682057DB-CCF6-43D2-885D-EDAE8E2B5BF2}" type="pres">
      <dgm:prSet presAssocID="{F796B012-9EC3-4429-B896-7136854DFD85}" presName="vProcSp" presStyleCnt="0"/>
      <dgm:spPr/>
    </dgm:pt>
    <dgm:pt modelId="{706F010C-5548-4105-BA80-51FF47F7D351}" type="pres">
      <dgm:prSet presAssocID="{F796B012-9EC3-4429-B896-7136854DFD85}" presName="vSp1" presStyleCnt="0"/>
      <dgm:spPr/>
    </dgm:pt>
    <dgm:pt modelId="{B49A5609-9F71-4BA6-A5E8-BCB549D46B77}" type="pres">
      <dgm:prSet presAssocID="{F796B012-9EC3-4429-B896-7136854DFD85}" presName="simulatedConn" presStyleLbl="solidFgAcc1" presStyleIdx="4" presStyleCnt="5"/>
      <dgm:spPr>
        <a:xfrm rot="5400000">
          <a:off x="12362130" y="2356439"/>
          <a:ext cx="355394" cy="302619"/>
        </a:xfrm>
        <a:prstGeom prst="flowChartExtract">
          <a:avLst/>
        </a:prstGeom>
        <a:solidFill>
          <a:srgbClr val="FF9900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CD00D606-BC0B-4A07-B97E-364641A7C82A}" type="pres">
      <dgm:prSet presAssocID="{F796B012-9EC3-4429-B896-7136854DFD85}" presName="vSp2" presStyleCnt="0"/>
      <dgm:spPr/>
    </dgm:pt>
    <dgm:pt modelId="{DC40D9AB-A09B-4054-8BD1-DE97A068E83C}" type="pres">
      <dgm:prSet presAssocID="{F796B012-9EC3-4429-B896-7136854DFD85}" presName="sibTrans" presStyleCnt="0"/>
      <dgm:spPr/>
    </dgm:pt>
    <dgm:pt modelId="{FD3C9A94-13F4-4085-8CB1-3E2928F44378}" type="pres">
      <dgm:prSet presAssocID="{CE059BAE-36BC-4450-B3C6-A7D78C4FDF12}" presName="compositeNode" presStyleCnt="0">
        <dgm:presLayoutVars>
          <dgm:bulletEnabled val="1"/>
        </dgm:presLayoutVars>
      </dgm:prSet>
      <dgm:spPr/>
    </dgm:pt>
    <dgm:pt modelId="{AC67CA9B-F60F-4E24-A7C6-257723140982}" type="pres">
      <dgm:prSet presAssocID="{CE059BAE-36BC-4450-B3C6-A7D78C4FDF12}" presName="bgRect" presStyleLbl="node1" presStyleIdx="5" presStyleCnt="6" custScaleY="214780" custLinFactNeighborX="-1720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47539056-6A93-4905-982E-5657EF6B03B8}" type="pres">
      <dgm:prSet presAssocID="{CE059BAE-36BC-4450-B3C6-A7D78C4FDF12}" presName="parentNode" presStyleLbl="node1" presStyleIdx="5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6537011-2FA0-4F12-BF00-A050414AA8D8}" type="pres">
      <dgm:prSet presAssocID="{CE059BAE-36BC-4450-B3C6-A7D78C4FDF12}" presName="childNode" presStyleLbl="node1" presStyleIdx="5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</dgm:ptLst>
  <dgm:cxnLst>
    <dgm:cxn modelId="{B128E896-515E-4181-9156-AF452D309DF8}" type="presOf" srcId="{CE059BAE-36BC-4450-B3C6-A7D78C4FDF12}" destId="{47539056-6A93-4905-982E-5657EF6B03B8}" srcOrd="1" destOrd="0" presId="urn:microsoft.com/office/officeart/2005/8/layout/hProcess7"/>
    <dgm:cxn modelId="{21E7AA80-7E41-4E1F-9D62-21FD14E3049D}" srcId="{CCDB761E-04E1-47AE-B98D-04B37FB92D8E}" destId="{3CC538CC-ACFC-433E-8B62-D78E02F87607}" srcOrd="2" destOrd="0" parTransId="{D7C5A070-6B70-43AE-9EEA-EE172C7F0DB8}" sibTransId="{513DD373-E25B-4485-A3C9-0398524069BA}"/>
    <dgm:cxn modelId="{C8774A7F-5C2E-4FF8-BBCC-060DCE0B46DE}" type="presOf" srcId="{C7E71D36-8C00-48D9-A352-C6FE698A7D9A}" destId="{7D117C16-9071-40CF-8C36-95ED4B11076F}" srcOrd="0" destOrd="0" presId="urn:microsoft.com/office/officeart/2005/8/layout/hProcess7"/>
    <dgm:cxn modelId="{94750D5E-24EC-45A2-B315-BD58C489FCB8}" srcId="{CCDB761E-04E1-47AE-B98D-04B37FB92D8E}" destId="{49F2CF6D-9CBC-4B0B-8E21-412222138776}" srcOrd="1" destOrd="0" parTransId="{19F31745-8D7C-4680-9FF6-1B4D3BECA5EE}" sibTransId="{D41B061E-ED3E-48E3-86BE-EB7BB9254648}"/>
    <dgm:cxn modelId="{2D9E7504-8E0A-451E-BBFB-177C21C987D7}" type="presOf" srcId="{8BC66D37-B346-4C82-90AC-9DD3007015DE}" destId="{46537011-2FA0-4F12-BF00-A050414AA8D8}" srcOrd="0" destOrd="0" presId="urn:microsoft.com/office/officeart/2005/8/layout/hProcess7"/>
    <dgm:cxn modelId="{7244D25D-83CE-4322-9769-6907D0B608A3}" type="presOf" srcId="{7851F3D3-E201-4C4A-BD0F-C0204898B9A4}" destId="{EFCD8E74-88ED-4FDD-BC51-012FEC10DAB4}" srcOrd="1" destOrd="0" presId="urn:microsoft.com/office/officeart/2005/8/layout/hProcess7"/>
    <dgm:cxn modelId="{36B89E6C-BA62-4389-8539-2A701595CF5B}" type="presOf" srcId="{33C26386-4227-427E-8790-6CBE1450E2BE}" destId="{7DBEAFCD-1445-4A59-AA0C-BF8DB8B27E1D}" srcOrd="0" destOrd="0" presId="urn:microsoft.com/office/officeart/2005/8/layout/hProcess7"/>
    <dgm:cxn modelId="{0912C083-8671-4A5C-9A3F-96B328F11E62}" type="presOf" srcId="{8C676454-A690-4021-8BB7-EC5ED8B1E27F}" destId="{CD2F3053-B2C0-4B09-9EA2-306357F0E2E7}" srcOrd="1" destOrd="0" presId="urn:microsoft.com/office/officeart/2005/8/layout/hProcess7"/>
    <dgm:cxn modelId="{B39AAFDD-3546-47A4-AAD8-8EF2782C9002}" srcId="{CCDB761E-04E1-47AE-B98D-04B37FB92D8E}" destId="{0EC657D5-E840-4457-990E-78DE98B6D3F1}" srcOrd="0" destOrd="0" parTransId="{9C6F5330-6E1C-4ECF-BEA0-F05B8B8300DB}" sibTransId="{1ADBAA47-9093-47DC-B677-F359EEE3D2E7}"/>
    <dgm:cxn modelId="{658EBB78-802B-4050-A921-7E9D6FD2DC2D}" srcId="{7C499772-FA29-4250-B058-8F1C6F6233E8}" destId="{8C676454-A690-4021-8BB7-EC5ED8B1E27F}" srcOrd="1" destOrd="0" parTransId="{092D72E6-8E0C-42C2-B5E2-703B7A406BB9}" sibTransId="{891319B6-3640-49C6-89AE-72DFA0FC8591}"/>
    <dgm:cxn modelId="{0F517038-76DF-4EDD-91DF-7C6CE3178EBE}" srcId="{7C499772-FA29-4250-B058-8F1C6F6233E8}" destId="{9FAC6549-AB10-44BE-B495-C4273BBBAEE6}" srcOrd="4" destOrd="0" parTransId="{384B9588-96D1-49A9-B9DA-8153B00F84B0}" sibTransId="{F796B012-9EC3-4429-B896-7136854DFD85}"/>
    <dgm:cxn modelId="{C6F9511E-F76D-4231-8FC6-DE6493C9A605}" type="presOf" srcId="{3CC538CC-ACFC-433E-8B62-D78E02F87607}" destId="{BE5D25A3-739F-488C-B632-DE0580B85A86}" srcOrd="0" destOrd="2" presId="urn:microsoft.com/office/officeart/2005/8/layout/hProcess7"/>
    <dgm:cxn modelId="{A8DF40A5-D0C0-483C-976D-D6AD3FEB40F0}" srcId="{7C499772-FA29-4250-B058-8F1C6F6233E8}" destId="{CCDB761E-04E1-47AE-B98D-04B37FB92D8E}" srcOrd="3" destOrd="0" parTransId="{EEBB9F26-6BED-4833-8980-D126ACAB5A1E}" sibTransId="{AA36B170-2E91-4633-BC1F-E1D8CAF04F04}"/>
    <dgm:cxn modelId="{0A58480C-7E99-40D3-931D-DD5C4FD77881}" type="presOf" srcId="{817C5577-43E3-482F-B607-48BF0897B9A6}" destId="{40D5F7A3-324D-4595-802E-A7F62C405837}" srcOrd="0" destOrd="0" presId="urn:microsoft.com/office/officeart/2005/8/layout/hProcess7"/>
    <dgm:cxn modelId="{C9EA0C31-D86B-4B3F-A588-51D9329796F4}" type="presOf" srcId="{465F8856-7AD5-4AE4-8673-2144CD2347A1}" destId="{40D5F7A3-324D-4595-802E-A7F62C405837}" srcOrd="0" destOrd="4" presId="urn:microsoft.com/office/officeart/2005/8/layout/hProcess7"/>
    <dgm:cxn modelId="{D83DD20D-CCC7-4624-B1F9-10E6D65D61E4}" type="presOf" srcId="{49F2CF6D-9CBC-4B0B-8E21-412222138776}" destId="{BE5D25A3-739F-488C-B632-DE0580B85A86}" srcOrd="0" destOrd="1" presId="urn:microsoft.com/office/officeart/2005/8/layout/hProcess7"/>
    <dgm:cxn modelId="{3D7E9A79-872B-4D0F-9A30-F0F9C29F943B}" type="presOf" srcId="{8C676454-A690-4021-8BB7-EC5ED8B1E27F}" destId="{60BE9846-3508-4D0D-A068-D0038856A4CB}" srcOrd="0" destOrd="0" presId="urn:microsoft.com/office/officeart/2005/8/layout/hProcess7"/>
    <dgm:cxn modelId="{E25BBA52-6116-483A-8D82-872F84878901}" srcId="{CE059BAE-36BC-4450-B3C6-A7D78C4FDF12}" destId="{8BC66D37-B346-4C82-90AC-9DD3007015DE}" srcOrd="0" destOrd="0" parTransId="{8CEF9D8B-9190-42C7-9A3D-69B5DAB12B5B}" sibTransId="{06614DCD-29E3-472D-ABF8-3085714EB00B}"/>
    <dgm:cxn modelId="{EBA724CF-8A9B-403F-9409-62198750569D}" type="presOf" srcId="{0EC657D5-E840-4457-990E-78DE98B6D3F1}" destId="{BE5D25A3-739F-488C-B632-DE0580B85A86}" srcOrd="0" destOrd="0" presId="urn:microsoft.com/office/officeart/2005/8/layout/hProcess7"/>
    <dgm:cxn modelId="{8A5D2D99-CCA2-487F-A95B-1DFEA50BD7D1}" srcId="{8C676454-A690-4021-8BB7-EC5ED8B1E27F}" destId="{700DDD02-82DC-4635-83B0-D29A812E0549}" srcOrd="0" destOrd="0" parTransId="{F5FA3E0D-B99C-40C7-8DB8-26C6C6D8F7D5}" sibTransId="{A25105D1-5476-4ED0-B5DD-F89606584918}"/>
    <dgm:cxn modelId="{2774A2A3-028F-471E-A8DF-5ACC98340C40}" type="presOf" srcId="{CDF982BE-644F-47A8-AF6F-BD0299257C11}" destId="{097E7590-B16C-42B3-A27B-9260CADBA327}" srcOrd="0" destOrd="1" presId="urn:microsoft.com/office/officeart/2005/8/layout/hProcess7"/>
    <dgm:cxn modelId="{727CED4E-D272-4F8E-8C78-DDB4C2F458AE}" srcId="{7C499772-FA29-4250-B058-8F1C6F6233E8}" destId="{7851F3D3-E201-4C4A-BD0F-C0204898B9A4}" srcOrd="0" destOrd="0" parTransId="{CBAD6108-001E-4DD2-B262-3485160A2319}" sibTransId="{40DD3E2C-A4C9-4FE1-BF63-1274AB049FF8}"/>
    <dgm:cxn modelId="{CC8B2B0A-A4A2-400B-9D60-1B9D18A41856}" srcId="{C7E71D36-8C00-48D9-A352-C6FE698A7D9A}" destId="{33C26386-4227-427E-8790-6CBE1450E2BE}" srcOrd="0" destOrd="0" parTransId="{AB908DEF-88CF-4ECC-B57C-41E2937DA48C}" sibTransId="{12C8868B-A651-4BAC-AC3F-6BB09BF7A1F1}"/>
    <dgm:cxn modelId="{D8B3C319-9F86-4499-A494-D080C1151DDD}" type="presOf" srcId="{B39C728B-B21F-4A4A-AAA0-5E927E32272B}" destId="{097E7590-B16C-42B3-A27B-9260CADBA327}" srcOrd="0" destOrd="0" presId="urn:microsoft.com/office/officeart/2005/8/layout/hProcess7"/>
    <dgm:cxn modelId="{72EA3CB3-D60B-4910-A37F-16A1B008AA88}" type="presOf" srcId="{EDC52470-C31A-4EDC-943B-2699ED173EDF}" destId="{40D5F7A3-324D-4595-802E-A7F62C405837}" srcOrd="0" destOrd="6" presId="urn:microsoft.com/office/officeart/2005/8/layout/hProcess7"/>
    <dgm:cxn modelId="{13F4A51A-CD01-47B3-8E06-D0A59EBC8A94}" srcId="{9FAC6549-AB10-44BE-B495-C4273BBBAEE6}" destId="{63B4E4AE-8196-4F6D-8F8D-FC0C5D630792}" srcOrd="3" destOrd="0" parTransId="{D9BDD7F9-0C01-40CD-BC49-E2E0C087AA63}" sibTransId="{6290CDDD-7243-43C6-9A0E-BF9BFC2A3184}"/>
    <dgm:cxn modelId="{BD2ED6C6-BD95-4343-9040-EE43EB92136D}" type="presOf" srcId="{63B4E4AE-8196-4F6D-8F8D-FC0C5D630792}" destId="{40D5F7A3-324D-4595-802E-A7F62C405837}" srcOrd="0" destOrd="3" presId="urn:microsoft.com/office/officeart/2005/8/layout/hProcess7"/>
    <dgm:cxn modelId="{CE88E181-8C41-41A8-844E-5301D6BCB79B}" type="presOf" srcId="{7DF4AD53-4682-4F11-9BDE-ED92977F501E}" destId="{40D5F7A3-324D-4595-802E-A7F62C405837}" srcOrd="0" destOrd="2" presId="urn:microsoft.com/office/officeart/2005/8/layout/hProcess7"/>
    <dgm:cxn modelId="{94849B2F-79A5-496F-84D3-41F348354D17}" type="presOf" srcId="{9FAC6549-AB10-44BE-B495-C4273BBBAEE6}" destId="{C1590E85-385D-4EE2-9BD9-C04A9736B365}" srcOrd="1" destOrd="0" presId="urn:microsoft.com/office/officeart/2005/8/layout/hProcess7"/>
    <dgm:cxn modelId="{2E690321-2074-4E47-A127-42A33E26408E}" type="presOf" srcId="{700DDD02-82DC-4635-83B0-D29A812E0549}" destId="{78BD2E17-0A28-48C5-AD9E-088721A24733}" srcOrd="0" destOrd="0" presId="urn:microsoft.com/office/officeart/2005/8/layout/hProcess7"/>
    <dgm:cxn modelId="{8DA4CCEC-D426-430C-A7F6-5F8D0BE1E80B}" type="presOf" srcId="{9587EAC1-FF08-42F1-AB0C-A2604BA6A68A}" destId="{40D5F7A3-324D-4595-802E-A7F62C405837}" srcOrd="0" destOrd="5" presId="urn:microsoft.com/office/officeart/2005/8/layout/hProcess7"/>
    <dgm:cxn modelId="{59312715-395D-453E-9B65-54D196A642EC}" srcId="{9FAC6549-AB10-44BE-B495-C4273BBBAEE6}" destId="{7DF4AD53-4682-4F11-9BDE-ED92977F501E}" srcOrd="2" destOrd="0" parTransId="{553D6943-0942-40A0-93FB-A839F34B4EB8}" sibTransId="{2FC7D587-FF70-40DC-807D-42F6FEBBC582}"/>
    <dgm:cxn modelId="{9F476F42-06B8-4F18-BC6F-E389B562B0A7}" type="presOf" srcId="{9FAC6549-AB10-44BE-B495-C4273BBBAEE6}" destId="{0459CA4B-0FB7-42AB-8469-92CE969D47E0}" srcOrd="0" destOrd="0" presId="urn:microsoft.com/office/officeart/2005/8/layout/hProcess7"/>
    <dgm:cxn modelId="{B3187DE4-7EFC-4E06-BD68-3E50AD3612BD}" type="presOf" srcId="{CCDB761E-04E1-47AE-B98D-04B37FB92D8E}" destId="{B1C90878-DF12-4D9C-8707-F838324D849C}" srcOrd="1" destOrd="0" presId="urn:microsoft.com/office/officeart/2005/8/layout/hProcess7"/>
    <dgm:cxn modelId="{820467BC-2F17-4FC6-BE4C-B855DEC5433D}" type="presOf" srcId="{134E07DC-1D6B-4A19-9B03-34F0B4834137}" destId="{40D5F7A3-324D-4595-802E-A7F62C405837}" srcOrd="0" destOrd="7" presId="urn:microsoft.com/office/officeart/2005/8/layout/hProcess7"/>
    <dgm:cxn modelId="{1C515ECA-9976-49D3-9276-40EE3AD69E90}" srcId="{9FAC6549-AB10-44BE-B495-C4273BBBAEE6}" destId="{817C5577-43E3-482F-B607-48BF0897B9A6}" srcOrd="0" destOrd="0" parTransId="{C5123725-E601-41F5-8ECB-3E3897C1D694}" sibTransId="{B867C949-D2F5-4370-A42F-29625AEE0F6D}"/>
    <dgm:cxn modelId="{06821C1C-A03D-414B-B19B-EB69962CCF59}" type="presOf" srcId="{CE059BAE-36BC-4450-B3C6-A7D78C4FDF12}" destId="{AC67CA9B-F60F-4E24-A7C6-257723140982}" srcOrd="0" destOrd="0" presId="urn:microsoft.com/office/officeart/2005/8/layout/hProcess7"/>
    <dgm:cxn modelId="{2D0405FB-5B08-4CD6-8AC7-933DE34277CE}" srcId="{7C499772-FA29-4250-B058-8F1C6F6233E8}" destId="{C7E71D36-8C00-48D9-A352-C6FE698A7D9A}" srcOrd="2" destOrd="0" parTransId="{6F7D46AC-358A-461A-871A-FB1959552AA0}" sibTransId="{E9A6C1BA-365A-4695-82CE-2261B18632C6}"/>
    <dgm:cxn modelId="{1BABB76E-2274-4FF8-83DB-B3673D5636E0}" srcId="{7C499772-FA29-4250-B058-8F1C6F6233E8}" destId="{CE059BAE-36BC-4450-B3C6-A7D78C4FDF12}" srcOrd="5" destOrd="0" parTransId="{A69D064D-AA66-489E-BA05-6EC6B820E76A}" sibTransId="{21FE90F8-0A4F-45C6-99B5-1E067FA97551}"/>
    <dgm:cxn modelId="{366ACEA2-ADAE-4E93-95F7-21B5DF6BC1AB}" type="presOf" srcId="{7C499772-FA29-4250-B058-8F1C6F6233E8}" destId="{945F0300-20CE-48D3-AB7E-F48458036502}" srcOrd="0" destOrd="0" presId="urn:microsoft.com/office/officeart/2005/8/layout/hProcess7"/>
    <dgm:cxn modelId="{799BB303-834D-4703-A169-4263AC4F287F}" srcId="{9FAC6549-AB10-44BE-B495-C4273BBBAEE6}" destId="{83DEF4BF-7356-4959-884F-95AC790739A7}" srcOrd="1" destOrd="0" parTransId="{BA029059-1902-41BF-BBB5-6929E87D2229}" sibTransId="{D1FA4E3B-DA89-4B12-852C-2CE32957716B}"/>
    <dgm:cxn modelId="{82212B6D-0071-42D9-8E81-8F8BE5A3327B}" srcId="{9FAC6549-AB10-44BE-B495-C4273BBBAEE6}" destId="{EDC52470-C31A-4EDC-943B-2699ED173EDF}" srcOrd="6" destOrd="0" parTransId="{81889012-AF2F-43F2-9625-51129BC9BECB}" sibTransId="{34796E09-B51C-4C0B-9C8B-3DB4797A1F21}"/>
    <dgm:cxn modelId="{ADB38830-A88A-4E85-9B04-0668DFEA5F76}" type="presOf" srcId="{7851F3D3-E201-4C4A-BD0F-C0204898B9A4}" destId="{5390F804-FF85-4E1E-89EA-43B9C5A1F867}" srcOrd="0" destOrd="0" presId="urn:microsoft.com/office/officeart/2005/8/layout/hProcess7"/>
    <dgm:cxn modelId="{477CAABE-7C19-4E1B-A985-6C028BA6A21C}" type="presOf" srcId="{C7E71D36-8C00-48D9-A352-C6FE698A7D9A}" destId="{1BEB2CA0-9371-48CD-809F-923C8F91A5E8}" srcOrd="1" destOrd="0" presId="urn:microsoft.com/office/officeart/2005/8/layout/hProcess7"/>
    <dgm:cxn modelId="{2D01B4A8-2D90-454D-8EDD-3B43E7C629B7}" type="presOf" srcId="{83DEF4BF-7356-4959-884F-95AC790739A7}" destId="{40D5F7A3-324D-4595-802E-A7F62C405837}" srcOrd="0" destOrd="1" presId="urn:microsoft.com/office/officeart/2005/8/layout/hProcess7"/>
    <dgm:cxn modelId="{47CA0047-94A9-4836-A348-C58AFD72249E}" srcId="{9FAC6549-AB10-44BE-B495-C4273BBBAEE6}" destId="{134E07DC-1D6B-4A19-9B03-34F0B4834137}" srcOrd="7" destOrd="0" parTransId="{8B28D7E9-893E-46BC-BDBA-EBCC75FCC778}" sibTransId="{C85C5559-5333-4EDE-912E-6D160D0FE4FB}"/>
    <dgm:cxn modelId="{F8B8D24F-92A7-4511-A034-D89C728E72C9}" srcId="{7851F3D3-E201-4C4A-BD0F-C0204898B9A4}" destId="{CDF982BE-644F-47A8-AF6F-BD0299257C11}" srcOrd="1" destOrd="0" parTransId="{488D2207-815D-46CB-BA2A-981BE4E7F8C7}" sibTransId="{2F32CBF9-B066-4B14-B273-B808EF70B5B3}"/>
    <dgm:cxn modelId="{6EBD4CEF-C47A-42E8-94AB-39D823CAE497}" type="presOf" srcId="{CCDB761E-04E1-47AE-B98D-04B37FB92D8E}" destId="{AF0FCADA-4F83-4C74-87AD-EE65E4A8765F}" srcOrd="0" destOrd="0" presId="urn:microsoft.com/office/officeart/2005/8/layout/hProcess7"/>
    <dgm:cxn modelId="{30CA5703-3A35-4A02-87F1-F67E2B68764C}" srcId="{9FAC6549-AB10-44BE-B495-C4273BBBAEE6}" destId="{9587EAC1-FF08-42F1-AB0C-A2604BA6A68A}" srcOrd="5" destOrd="0" parTransId="{84E75E95-0455-480C-800E-ECE159B46DEE}" sibTransId="{06D47268-5C30-4AC6-9313-650236B0D9A1}"/>
    <dgm:cxn modelId="{F26DCC12-D470-4714-8110-A02A9689ACCE}" srcId="{7851F3D3-E201-4C4A-BD0F-C0204898B9A4}" destId="{B39C728B-B21F-4A4A-AAA0-5E927E32272B}" srcOrd="0" destOrd="0" parTransId="{09589783-D3EF-4200-B133-27189C435F9A}" sibTransId="{0957B2AD-CAF3-4FEC-B5EA-51B0E4B3F0F6}"/>
    <dgm:cxn modelId="{3260F44C-9D27-44DC-9115-7CE11BC43F17}" srcId="{9FAC6549-AB10-44BE-B495-C4273BBBAEE6}" destId="{465F8856-7AD5-4AE4-8673-2144CD2347A1}" srcOrd="4" destOrd="0" parTransId="{D7C8AC43-9B39-4B57-9ED2-FF2F195B94E4}" sibTransId="{6FCA03AF-1175-4514-B297-C1DF4A78D3A5}"/>
    <dgm:cxn modelId="{85D983C1-7BAF-4391-9381-5BC08661537F}" type="presParOf" srcId="{945F0300-20CE-48D3-AB7E-F48458036502}" destId="{C7294973-A4AF-47FB-AFFC-C2FE4D1218F3}" srcOrd="0" destOrd="0" presId="urn:microsoft.com/office/officeart/2005/8/layout/hProcess7"/>
    <dgm:cxn modelId="{0D5131A4-3182-41B9-B517-FCE9B47FA02F}" type="presParOf" srcId="{C7294973-A4AF-47FB-AFFC-C2FE4D1218F3}" destId="{5390F804-FF85-4E1E-89EA-43B9C5A1F867}" srcOrd="0" destOrd="0" presId="urn:microsoft.com/office/officeart/2005/8/layout/hProcess7"/>
    <dgm:cxn modelId="{CCFBB8FB-C6AF-4B68-8072-540EFDD3F3E7}" type="presParOf" srcId="{C7294973-A4AF-47FB-AFFC-C2FE4D1218F3}" destId="{EFCD8E74-88ED-4FDD-BC51-012FEC10DAB4}" srcOrd="1" destOrd="0" presId="urn:microsoft.com/office/officeart/2005/8/layout/hProcess7"/>
    <dgm:cxn modelId="{9B3A7F55-3DE8-4A8D-A757-D3F8B3E8A5CF}" type="presParOf" srcId="{C7294973-A4AF-47FB-AFFC-C2FE4D1218F3}" destId="{097E7590-B16C-42B3-A27B-9260CADBA327}" srcOrd="2" destOrd="0" presId="urn:microsoft.com/office/officeart/2005/8/layout/hProcess7"/>
    <dgm:cxn modelId="{18D75D53-DB74-4FC1-883A-E01A2DC7837B}" type="presParOf" srcId="{945F0300-20CE-48D3-AB7E-F48458036502}" destId="{293AA103-2877-490D-81DE-1EA20CF87DA3}" srcOrd="1" destOrd="0" presId="urn:microsoft.com/office/officeart/2005/8/layout/hProcess7"/>
    <dgm:cxn modelId="{9CCFA9F5-FFB3-46EE-B875-09F41D503675}" type="presParOf" srcId="{945F0300-20CE-48D3-AB7E-F48458036502}" destId="{04EB6DB5-8147-449D-B4EE-BBDAF94A5762}" srcOrd="2" destOrd="0" presId="urn:microsoft.com/office/officeart/2005/8/layout/hProcess7"/>
    <dgm:cxn modelId="{77959AC4-A1A7-42EF-9FB0-BAAC700C8C3A}" type="presParOf" srcId="{04EB6DB5-8147-449D-B4EE-BBDAF94A5762}" destId="{84DCB400-052D-4659-9686-0176B817081D}" srcOrd="0" destOrd="0" presId="urn:microsoft.com/office/officeart/2005/8/layout/hProcess7"/>
    <dgm:cxn modelId="{63AEE9E3-8DBC-4967-BADD-F364FFD93CD4}" type="presParOf" srcId="{04EB6DB5-8147-449D-B4EE-BBDAF94A5762}" destId="{7A8AF3E9-2CC2-4684-9843-899AE65FF7DB}" srcOrd="1" destOrd="0" presId="urn:microsoft.com/office/officeart/2005/8/layout/hProcess7"/>
    <dgm:cxn modelId="{8152CED9-9091-4C80-8591-93A55455D355}" type="presParOf" srcId="{04EB6DB5-8147-449D-B4EE-BBDAF94A5762}" destId="{70D2200A-B9C8-4A8F-8816-6460C6657425}" srcOrd="2" destOrd="0" presId="urn:microsoft.com/office/officeart/2005/8/layout/hProcess7"/>
    <dgm:cxn modelId="{BECF6FD8-D003-47B2-BF37-3D2C8D98257D}" type="presParOf" srcId="{945F0300-20CE-48D3-AB7E-F48458036502}" destId="{4873F15F-43CC-4D98-8A08-019BB74DEE33}" srcOrd="3" destOrd="0" presId="urn:microsoft.com/office/officeart/2005/8/layout/hProcess7"/>
    <dgm:cxn modelId="{FB823244-A58F-4D07-A3DD-A7D7FDBCBCA2}" type="presParOf" srcId="{945F0300-20CE-48D3-AB7E-F48458036502}" destId="{3FCC37A0-C373-4DE6-AA0F-5FA05C60ECF5}" srcOrd="4" destOrd="0" presId="urn:microsoft.com/office/officeart/2005/8/layout/hProcess7"/>
    <dgm:cxn modelId="{EC51D45D-A7F5-44A9-9E74-2AA059DCE3A5}" type="presParOf" srcId="{3FCC37A0-C373-4DE6-AA0F-5FA05C60ECF5}" destId="{60BE9846-3508-4D0D-A068-D0038856A4CB}" srcOrd="0" destOrd="0" presId="urn:microsoft.com/office/officeart/2005/8/layout/hProcess7"/>
    <dgm:cxn modelId="{6B1DF35F-CCDC-4951-B6D9-F8D94673C22C}" type="presParOf" srcId="{3FCC37A0-C373-4DE6-AA0F-5FA05C60ECF5}" destId="{CD2F3053-B2C0-4B09-9EA2-306357F0E2E7}" srcOrd="1" destOrd="0" presId="urn:microsoft.com/office/officeart/2005/8/layout/hProcess7"/>
    <dgm:cxn modelId="{E96B69F8-2CB7-4F31-BC27-DAF44493750E}" type="presParOf" srcId="{3FCC37A0-C373-4DE6-AA0F-5FA05C60ECF5}" destId="{78BD2E17-0A28-48C5-AD9E-088721A24733}" srcOrd="2" destOrd="0" presId="urn:microsoft.com/office/officeart/2005/8/layout/hProcess7"/>
    <dgm:cxn modelId="{58F3050D-549E-4A77-B0F8-FDAB2E726C02}" type="presParOf" srcId="{945F0300-20CE-48D3-AB7E-F48458036502}" destId="{26D8B9AD-258C-4431-B232-2F2627133E22}" srcOrd="5" destOrd="0" presId="urn:microsoft.com/office/officeart/2005/8/layout/hProcess7"/>
    <dgm:cxn modelId="{838D0042-A783-49BE-9E96-A49C16700F92}" type="presParOf" srcId="{945F0300-20CE-48D3-AB7E-F48458036502}" destId="{D82ECFCE-43C5-4E6E-A770-EC7E3C5A4EB3}" srcOrd="6" destOrd="0" presId="urn:microsoft.com/office/officeart/2005/8/layout/hProcess7"/>
    <dgm:cxn modelId="{714DFA24-03F2-4AAF-BA9F-DEA9EC43EBC1}" type="presParOf" srcId="{D82ECFCE-43C5-4E6E-A770-EC7E3C5A4EB3}" destId="{867AE4F0-9EBB-497C-A2F9-E522D275B93E}" srcOrd="0" destOrd="0" presId="urn:microsoft.com/office/officeart/2005/8/layout/hProcess7"/>
    <dgm:cxn modelId="{9EA6726F-4B44-42A7-ACFF-A3891EDB3883}" type="presParOf" srcId="{D82ECFCE-43C5-4E6E-A770-EC7E3C5A4EB3}" destId="{A5F0E527-E669-49DA-84EC-85BDB08F62A4}" srcOrd="1" destOrd="0" presId="urn:microsoft.com/office/officeart/2005/8/layout/hProcess7"/>
    <dgm:cxn modelId="{77B93A0E-E190-45DC-83C0-5802BCF63FD0}" type="presParOf" srcId="{D82ECFCE-43C5-4E6E-A770-EC7E3C5A4EB3}" destId="{3DF4F42E-000C-41C8-9DF8-DBC7FB649CAF}" srcOrd="2" destOrd="0" presId="urn:microsoft.com/office/officeart/2005/8/layout/hProcess7"/>
    <dgm:cxn modelId="{F48C6C7F-BDD8-4509-B17E-7ADB4CA6DCB7}" type="presParOf" srcId="{945F0300-20CE-48D3-AB7E-F48458036502}" destId="{8AFA98F6-C715-4A42-B16E-9369D979C381}" srcOrd="7" destOrd="0" presId="urn:microsoft.com/office/officeart/2005/8/layout/hProcess7"/>
    <dgm:cxn modelId="{FC4DD1C5-AE99-42D8-8182-3D5F5FCF1618}" type="presParOf" srcId="{945F0300-20CE-48D3-AB7E-F48458036502}" destId="{1771295A-7954-45C7-8E21-AFCCF4772C25}" srcOrd="8" destOrd="0" presId="urn:microsoft.com/office/officeart/2005/8/layout/hProcess7"/>
    <dgm:cxn modelId="{2448F7E7-8516-427D-8F8E-45439DC09D86}" type="presParOf" srcId="{1771295A-7954-45C7-8E21-AFCCF4772C25}" destId="{7D117C16-9071-40CF-8C36-95ED4B11076F}" srcOrd="0" destOrd="0" presId="urn:microsoft.com/office/officeart/2005/8/layout/hProcess7"/>
    <dgm:cxn modelId="{906E03CF-DE06-4294-89D2-9B7201CD0DCA}" type="presParOf" srcId="{1771295A-7954-45C7-8E21-AFCCF4772C25}" destId="{1BEB2CA0-9371-48CD-809F-923C8F91A5E8}" srcOrd="1" destOrd="0" presId="urn:microsoft.com/office/officeart/2005/8/layout/hProcess7"/>
    <dgm:cxn modelId="{3A7D0DD1-55D0-4037-AFE8-DBA2BF85E528}" type="presParOf" srcId="{1771295A-7954-45C7-8E21-AFCCF4772C25}" destId="{7DBEAFCD-1445-4A59-AA0C-BF8DB8B27E1D}" srcOrd="2" destOrd="0" presId="urn:microsoft.com/office/officeart/2005/8/layout/hProcess7"/>
    <dgm:cxn modelId="{C80288D2-816C-4033-8FCA-EED4EF152A4D}" type="presParOf" srcId="{945F0300-20CE-48D3-AB7E-F48458036502}" destId="{D7D6E755-1A1C-46A7-AD0B-295D45E2D7EF}" srcOrd="9" destOrd="0" presId="urn:microsoft.com/office/officeart/2005/8/layout/hProcess7"/>
    <dgm:cxn modelId="{9F5A1FAB-0E30-4D9F-85A4-8C1C05AD94AF}" type="presParOf" srcId="{945F0300-20CE-48D3-AB7E-F48458036502}" destId="{97E029EA-8F1D-4E23-BD12-0BD74409F243}" srcOrd="10" destOrd="0" presId="urn:microsoft.com/office/officeart/2005/8/layout/hProcess7"/>
    <dgm:cxn modelId="{6AE58F28-3BC9-4A7B-90F3-AD5A63D1CC04}" type="presParOf" srcId="{97E029EA-8F1D-4E23-BD12-0BD74409F243}" destId="{506CB5F5-3385-4C8E-9317-99356178C5C9}" srcOrd="0" destOrd="0" presId="urn:microsoft.com/office/officeart/2005/8/layout/hProcess7"/>
    <dgm:cxn modelId="{CA9927F9-39A9-4ADD-B649-5AF3FC2F83E8}" type="presParOf" srcId="{97E029EA-8F1D-4E23-BD12-0BD74409F243}" destId="{E8E2CD7C-7E4D-4B62-B697-2BB02B2FCFCC}" srcOrd="1" destOrd="0" presId="urn:microsoft.com/office/officeart/2005/8/layout/hProcess7"/>
    <dgm:cxn modelId="{0D18E60F-DF2A-4F52-87CD-F4166363C7DB}" type="presParOf" srcId="{97E029EA-8F1D-4E23-BD12-0BD74409F243}" destId="{3623185D-1F8B-46CC-8983-25D34AEB49F4}" srcOrd="2" destOrd="0" presId="urn:microsoft.com/office/officeart/2005/8/layout/hProcess7"/>
    <dgm:cxn modelId="{4114F429-6696-49A1-8293-36C379648C16}" type="presParOf" srcId="{945F0300-20CE-48D3-AB7E-F48458036502}" destId="{E239D28F-7A7D-4D8E-B0F4-479E149AE7B4}" srcOrd="11" destOrd="0" presId="urn:microsoft.com/office/officeart/2005/8/layout/hProcess7"/>
    <dgm:cxn modelId="{2441FF2F-6436-4D8F-9B8C-B848804069FA}" type="presParOf" srcId="{945F0300-20CE-48D3-AB7E-F48458036502}" destId="{428B60CB-B318-4A3B-BD7C-AFC1787E94E2}" srcOrd="12" destOrd="0" presId="urn:microsoft.com/office/officeart/2005/8/layout/hProcess7"/>
    <dgm:cxn modelId="{E38EAF8C-9032-4934-992D-4A4E329148F4}" type="presParOf" srcId="{428B60CB-B318-4A3B-BD7C-AFC1787E94E2}" destId="{AF0FCADA-4F83-4C74-87AD-EE65E4A8765F}" srcOrd="0" destOrd="0" presId="urn:microsoft.com/office/officeart/2005/8/layout/hProcess7"/>
    <dgm:cxn modelId="{730AB2B0-B3E4-4C28-A822-9897F0964A0B}" type="presParOf" srcId="{428B60CB-B318-4A3B-BD7C-AFC1787E94E2}" destId="{B1C90878-DF12-4D9C-8707-F838324D849C}" srcOrd="1" destOrd="0" presId="urn:microsoft.com/office/officeart/2005/8/layout/hProcess7"/>
    <dgm:cxn modelId="{2BB22CA8-88B5-4DDE-A0A4-956F541D2F3D}" type="presParOf" srcId="{428B60CB-B318-4A3B-BD7C-AFC1787E94E2}" destId="{BE5D25A3-739F-488C-B632-DE0580B85A86}" srcOrd="2" destOrd="0" presId="urn:microsoft.com/office/officeart/2005/8/layout/hProcess7"/>
    <dgm:cxn modelId="{B71D7751-0E11-4B8C-9B18-7643D54A1477}" type="presParOf" srcId="{945F0300-20CE-48D3-AB7E-F48458036502}" destId="{2AD866ED-454B-4286-8FB1-1774D10FAED9}" srcOrd="13" destOrd="0" presId="urn:microsoft.com/office/officeart/2005/8/layout/hProcess7"/>
    <dgm:cxn modelId="{50022F38-F1C4-49BE-8CCF-A3502F519F71}" type="presParOf" srcId="{945F0300-20CE-48D3-AB7E-F48458036502}" destId="{5A0CCE34-7A45-45E5-9B9C-E99ECC3CFCEB}" srcOrd="14" destOrd="0" presId="urn:microsoft.com/office/officeart/2005/8/layout/hProcess7"/>
    <dgm:cxn modelId="{70F83045-9C1A-4FBB-A88D-98BE97764883}" type="presParOf" srcId="{5A0CCE34-7A45-45E5-9B9C-E99ECC3CFCEB}" destId="{A9B5B999-88BC-4564-8925-FE21F2E19AD9}" srcOrd="0" destOrd="0" presId="urn:microsoft.com/office/officeart/2005/8/layout/hProcess7"/>
    <dgm:cxn modelId="{A074BF47-34C9-4EB8-8BDE-B57F887337CB}" type="presParOf" srcId="{5A0CCE34-7A45-45E5-9B9C-E99ECC3CFCEB}" destId="{50232989-C6F4-4E7A-B962-DFD929347658}" srcOrd="1" destOrd="0" presId="urn:microsoft.com/office/officeart/2005/8/layout/hProcess7"/>
    <dgm:cxn modelId="{06EEB899-AC7C-4410-90E0-08A68AAF12B6}" type="presParOf" srcId="{5A0CCE34-7A45-45E5-9B9C-E99ECC3CFCEB}" destId="{82D2E747-B170-47EB-AEAD-A66683BBACFF}" srcOrd="2" destOrd="0" presId="urn:microsoft.com/office/officeart/2005/8/layout/hProcess7"/>
    <dgm:cxn modelId="{53C000D4-8359-4153-90AC-5C72EBEBDA89}" type="presParOf" srcId="{945F0300-20CE-48D3-AB7E-F48458036502}" destId="{D5497436-12A4-468F-88CD-F390C792361D}" srcOrd="15" destOrd="0" presId="urn:microsoft.com/office/officeart/2005/8/layout/hProcess7"/>
    <dgm:cxn modelId="{4339378E-3632-4709-AFD4-063CB6EFE9D9}" type="presParOf" srcId="{945F0300-20CE-48D3-AB7E-F48458036502}" destId="{57A0F18E-D55C-4370-9E31-D0503E640466}" srcOrd="16" destOrd="0" presId="urn:microsoft.com/office/officeart/2005/8/layout/hProcess7"/>
    <dgm:cxn modelId="{8E6AC81E-1A14-4AD7-95FC-C7B526D0C62D}" type="presParOf" srcId="{57A0F18E-D55C-4370-9E31-D0503E640466}" destId="{0459CA4B-0FB7-42AB-8469-92CE969D47E0}" srcOrd="0" destOrd="0" presId="urn:microsoft.com/office/officeart/2005/8/layout/hProcess7"/>
    <dgm:cxn modelId="{E9C56B70-0001-45AA-8B23-5837E34284CD}" type="presParOf" srcId="{57A0F18E-D55C-4370-9E31-D0503E640466}" destId="{C1590E85-385D-4EE2-9BD9-C04A9736B365}" srcOrd="1" destOrd="0" presId="urn:microsoft.com/office/officeart/2005/8/layout/hProcess7"/>
    <dgm:cxn modelId="{C9D60F2B-4B1E-4C79-BAFF-D30DA1EE804B}" type="presParOf" srcId="{57A0F18E-D55C-4370-9E31-D0503E640466}" destId="{40D5F7A3-324D-4595-802E-A7F62C405837}" srcOrd="2" destOrd="0" presId="urn:microsoft.com/office/officeart/2005/8/layout/hProcess7"/>
    <dgm:cxn modelId="{5C713A69-A79D-4261-BEC0-B1E4C1C4B385}" type="presParOf" srcId="{945F0300-20CE-48D3-AB7E-F48458036502}" destId="{C53440B5-94A8-4D59-83EF-D465D3FA87C3}" srcOrd="17" destOrd="0" presId="urn:microsoft.com/office/officeart/2005/8/layout/hProcess7"/>
    <dgm:cxn modelId="{A5493083-7A91-4700-8379-BB2F70658D19}" type="presParOf" srcId="{945F0300-20CE-48D3-AB7E-F48458036502}" destId="{682057DB-CCF6-43D2-885D-EDAE8E2B5BF2}" srcOrd="18" destOrd="0" presId="urn:microsoft.com/office/officeart/2005/8/layout/hProcess7"/>
    <dgm:cxn modelId="{D657B351-6D55-4274-9ED7-E0C08985E2DF}" type="presParOf" srcId="{682057DB-CCF6-43D2-885D-EDAE8E2B5BF2}" destId="{706F010C-5548-4105-BA80-51FF47F7D351}" srcOrd="0" destOrd="0" presId="urn:microsoft.com/office/officeart/2005/8/layout/hProcess7"/>
    <dgm:cxn modelId="{10678728-1F1C-4BA5-9AE6-C6980EF51DC3}" type="presParOf" srcId="{682057DB-CCF6-43D2-885D-EDAE8E2B5BF2}" destId="{B49A5609-9F71-4BA6-A5E8-BCB549D46B77}" srcOrd="1" destOrd="0" presId="urn:microsoft.com/office/officeart/2005/8/layout/hProcess7"/>
    <dgm:cxn modelId="{D5EF2A6B-D02A-4139-A31C-5EE87891EAFB}" type="presParOf" srcId="{682057DB-CCF6-43D2-885D-EDAE8E2B5BF2}" destId="{CD00D606-BC0B-4A07-B97E-364641A7C82A}" srcOrd="2" destOrd="0" presId="urn:microsoft.com/office/officeart/2005/8/layout/hProcess7"/>
    <dgm:cxn modelId="{8457370F-296F-4090-9BD0-42EA8CEAC2E7}" type="presParOf" srcId="{945F0300-20CE-48D3-AB7E-F48458036502}" destId="{DC40D9AB-A09B-4054-8BD1-DE97A068E83C}" srcOrd="19" destOrd="0" presId="urn:microsoft.com/office/officeart/2005/8/layout/hProcess7"/>
    <dgm:cxn modelId="{025CFA90-34C9-4DAD-AD6D-FC7F12756011}" type="presParOf" srcId="{945F0300-20CE-48D3-AB7E-F48458036502}" destId="{FD3C9A94-13F4-4085-8CB1-3E2928F44378}" srcOrd="20" destOrd="0" presId="urn:microsoft.com/office/officeart/2005/8/layout/hProcess7"/>
    <dgm:cxn modelId="{4AF695C2-AA04-4B9E-90EE-4FC7885DA307}" type="presParOf" srcId="{FD3C9A94-13F4-4085-8CB1-3E2928F44378}" destId="{AC67CA9B-F60F-4E24-A7C6-257723140982}" srcOrd="0" destOrd="0" presId="urn:microsoft.com/office/officeart/2005/8/layout/hProcess7"/>
    <dgm:cxn modelId="{EA0449BA-CFEB-4623-8C64-5B7F775396C0}" type="presParOf" srcId="{FD3C9A94-13F4-4085-8CB1-3E2928F44378}" destId="{47539056-6A93-4905-982E-5657EF6B03B8}" srcOrd="1" destOrd="0" presId="urn:microsoft.com/office/officeart/2005/8/layout/hProcess7"/>
    <dgm:cxn modelId="{E96F3097-EC20-4E93-8933-569636CFB345}" type="presParOf" srcId="{FD3C9A94-13F4-4085-8CB1-3E2928F44378}" destId="{46537011-2FA0-4F12-BF00-A050414AA8D8}" srcOrd="2" destOrd="0" presId="urn:microsoft.com/office/officeart/2005/8/layout/hProcess7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7C499772-FA29-4250-B058-8F1C6F6233E8}" type="doc">
      <dgm:prSet loTypeId="urn:microsoft.com/office/officeart/2005/8/layout/hProcess7" loCatId="list" qsTypeId="urn:microsoft.com/office/officeart/2005/8/quickstyle/simple2" qsCatId="simple" csTypeId="urn:microsoft.com/office/officeart/2005/8/colors/accent6_2" csCatId="accent6" phldr="1"/>
      <dgm:spPr/>
      <dgm:t>
        <a:bodyPr/>
        <a:lstStyle/>
        <a:p>
          <a:endParaRPr lang="en-US"/>
        </a:p>
      </dgm:t>
    </dgm:pt>
    <dgm:pt modelId="{C7E71D36-8C00-48D9-A352-C6FE698A7D9A}">
      <dgm:prSet phldrT="[Text]"/>
      <dgm:spPr>
        <a:xfrm>
          <a:off x="6300210" y="434616"/>
          <a:ext cx="2017465" cy="3743407"/>
        </a:xfrm>
        <a:solidFill>
          <a:schemeClr val="accent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July 19</a:t>
          </a:r>
          <a:endParaRPr lang="en-US" b="1" dirty="0">
            <a:solidFill>
              <a:schemeClr val="tx1"/>
            </a:solidFill>
            <a:latin typeface="Calibri" panose="020F0502020204030204"/>
            <a:ea typeface="+mn-ea"/>
            <a:cs typeface="+mn-cs"/>
          </a:endParaRPr>
        </a:p>
      </dgm:t>
    </dgm:pt>
    <dgm:pt modelId="{6F7D46AC-358A-461A-871A-FB1959552AA0}" type="parTrans" cxnId="{2D0405FB-5B08-4CD6-8AC7-933DE34277CE}">
      <dgm:prSet/>
      <dgm:spPr/>
      <dgm:t>
        <a:bodyPr/>
        <a:lstStyle/>
        <a:p>
          <a:endParaRPr lang="en-US"/>
        </a:p>
      </dgm:t>
    </dgm:pt>
    <dgm:pt modelId="{E9A6C1BA-365A-4695-82CE-2261B18632C6}" type="sibTrans" cxnId="{2D0405FB-5B08-4CD6-8AC7-933DE34277CE}">
      <dgm:prSet/>
      <dgm:spPr/>
      <dgm:t>
        <a:bodyPr/>
        <a:lstStyle/>
        <a:p>
          <a:endParaRPr lang="en-US"/>
        </a:p>
      </dgm:t>
    </dgm:pt>
    <dgm:pt modelId="{33C26386-4227-427E-8790-6CBE1450E2BE}">
      <dgm:prSet phldrT="[Text]" custT="1"/>
      <dgm:spPr>
        <a:xfrm>
          <a:off x="6703703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50" i="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Board of Supervisors Business Meeting Presentation</a:t>
          </a:r>
        </a:p>
      </dgm:t>
    </dgm:pt>
    <dgm:pt modelId="{AB908DEF-88CF-4ECC-B57C-41E2937DA48C}" type="parTrans" cxnId="{CC8B2B0A-A4A2-400B-9D60-1B9D18A41856}">
      <dgm:prSet/>
      <dgm:spPr/>
      <dgm:t>
        <a:bodyPr/>
        <a:lstStyle/>
        <a:p>
          <a:endParaRPr lang="en-US"/>
        </a:p>
      </dgm:t>
    </dgm:pt>
    <dgm:pt modelId="{12C8868B-A651-4BAC-AC3F-6BB09BF7A1F1}" type="sibTrans" cxnId="{CC8B2B0A-A4A2-400B-9D60-1B9D18A41856}">
      <dgm:prSet/>
      <dgm:spPr/>
      <dgm:t>
        <a:bodyPr/>
        <a:lstStyle/>
        <a:p>
          <a:endParaRPr lang="en-US"/>
        </a:p>
      </dgm:t>
    </dgm:pt>
    <dgm:pt modelId="{CCDB761E-04E1-47AE-B98D-04B37FB92D8E}">
      <dgm:prSet phldrT="[Text]"/>
      <dgm:spPr>
        <a:xfrm>
          <a:off x="8388287" y="434616"/>
          <a:ext cx="2017465" cy="3743407"/>
        </a:xfrm>
        <a:solidFill>
          <a:schemeClr val="accent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August - November</a:t>
          </a:r>
          <a:endParaRPr lang="en-US" b="1" dirty="0">
            <a:solidFill>
              <a:schemeClr val="tx1"/>
            </a:solidFill>
            <a:latin typeface="Calibri" panose="020F0502020204030204"/>
            <a:ea typeface="+mn-ea"/>
            <a:cs typeface="+mn-cs"/>
          </a:endParaRPr>
        </a:p>
      </dgm:t>
    </dgm:pt>
    <dgm:pt modelId="{EEBB9F26-6BED-4833-8980-D126ACAB5A1E}" type="parTrans" cxnId="{A8DF40A5-D0C0-483C-976D-D6AD3FEB40F0}">
      <dgm:prSet/>
      <dgm:spPr/>
      <dgm:t>
        <a:bodyPr/>
        <a:lstStyle/>
        <a:p>
          <a:endParaRPr lang="en-US"/>
        </a:p>
      </dgm:t>
    </dgm:pt>
    <dgm:pt modelId="{AA36B170-2E91-4633-BC1F-E1D8CAF04F04}" type="sibTrans" cxnId="{A8DF40A5-D0C0-483C-976D-D6AD3FEB40F0}">
      <dgm:prSet/>
      <dgm:spPr/>
      <dgm:t>
        <a:bodyPr/>
        <a:lstStyle/>
        <a:p>
          <a:endParaRPr lang="en-US"/>
        </a:p>
      </dgm:t>
    </dgm:pt>
    <dgm:pt modelId="{0EC657D5-E840-4457-990E-78DE98B6D3F1}">
      <dgm:prSet phldrT="[Text]" custT="1"/>
      <dgm:spPr>
        <a:xfrm>
          <a:off x="8791780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i="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Planning Commission Deliberations</a:t>
          </a:r>
          <a:endParaRPr lang="en-US" sz="1400" b="1" i="1" u="sng" dirty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</dgm:t>
    </dgm:pt>
    <dgm:pt modelId="{9C6F5330-6E1C-4ECF-BEA0-F05B8B8300DB}" type="parTrans" cxnId="{B39AAFDD-3546-47A4-AAD8-8EF2782C9002}">
      <dgm:prSet/>
      <dgm:spPr/>
      <dgm:t>
        <a:bodyPr/>
        <a:lstStyle/>
        <a:p>
          <a:endParaRPr lang="en-US"/>
        </a:p>
      </dgm:t>
    </dgm:pt>
    <dgm:pt modelId="{1ADBAA47-9093-47DC-B677-F359EEE3D2E7}" type="sibTrans" cxnId="{B39AAFDD-3546-47A4-AAD8-8EF2782C9002}">
      <dgm:prSet/>
      <dgm:spPr/>
      <dgm:t>
        <a:bodyPr/>
        <a:lstStyle/>
        <a:p>
          <a:endParaRPr lang="en-US"/>
        </a:p>
      </dgm:t>
    </dgm:pt>
    <dgm:pt modelId="{9FAC6549-AB10-44BE-B495-C4273BBBAEE6}">
      <dgm:prSet phldrT="[Text]"/>
      <dgm:spPr>
        <a:xfrm>
          <a:off x="10455099" y="445244"/>
          <a:ext cx="2017465" cy="3743407"/>
        </a:xfrm>
        <a:solidFill>
          <a:schemeClr val="accent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December - March</a:t>
          </a:r>
          <a:endParaRPr lang="en-US" b="1" dirty="0">
            <a:solidFill>
              <a:schemeClr val="tx1"/>
            </a:solidFill>
            <a:latin typeface="Calibri" panose="020F0502020204030204"/>
            <a:ea typeface="+mn-ea"/>
            <a:cs typeface="+mn-cs"/>
          </a:endParaRPr>
        </a:p>
      </dgm:t>
    </dgm:pt>
    <dgm:pt modelId="{384B9588-96D1-49A9-B9DA-8153B00F84B0}" type="parTrans" cxnId="{0F517038-76DF-4EDD-91DF-7C6CE3178EBE}">
      <dgm:prSet/>
      <dgm:spPr/>
      <dgm:t>
        <a:bodyPr/>
        <a:lstStyle/>
        <a:p>
          <a:endParaRPr lang="en-US"/>
        </a:p>
      </dgm:t>
    </dgm:pt>
    <dgm:pt modelId="{F796B012-9EC3-4429-B896-7136854DFD85}" type="sibTrans" cxnId="{0F517038-76DF-4EDD-91DF-7C6CE3178EBE}">
      <dgm:prSet/>
      <dgm:spPr/>
      <dgm:t>
        <a:bodyPr/>
        <a:lstStyle/>
        <a:p>
          <a:endParaRPr lang="en-US"/>
        </a:p>
      </dgm:t>
    </dgm:pt>
    <dgm:pt modelId="{817C5577-43E3-482F-B607-48BF0897B9A6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50" i="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Board of Supervisors Deliberations</a:t>
          </a:r>
          <a:endParaRPr lang="en-US" sz="145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C5123725-E601-41F5-8ECB-3E3897C1D694}" type="parTrans" cxnId="{1C515ECA-9976-49D3-9276-40EE3AD69E90}">
      <dgm:prSet/>
      <dgm:spPr/>
      <dgm:t>
        <a:bodyPr/>
        <a:lstStyle/>
        <a:p>
          <a:endParaRPr lang="en-US"/>
        </a:p>
      </dgm:t>
    </dgm:pt>
    <dgm:pt modelId="{B867C949-D2F5-4370-A42F-29625AEE0F6D}" type="sibTrans" cxnId="{1C515ECA-9976-49D3-9276-40EE3AD69E90}">
      <dgm:prSet/>
      <dgm:spPr/>
      <dgm:t>
        <a:bodyPr/>
        <a:lstStyle/>
        <a:p>
          <a:endParaRPr lang="en-US"/>
        </a:p>
      </dgm:t>
    </dgm:pt>
    <dgm:pt modelId="{CE059BAE-36BC-4450-B3C6-A7D78C4FDF12}">
      <dgm:prSet phldrT="[Text]"/>
      <dgm:spPr>
        <a:xfrm>
          <a:off x="12495040" y="434616"/>
          <a:ext cx="2017465" cy="3743407"/>
        </a:xfrm>
        <a:solidFill>
          <a:schemeClr val="accent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March</a:t>
          </a:r>
          <a:endParaRPr lang="en-US" b="1" dirty="0">
            <a:solidFill>
              <a:schemeClr val="tx1"/>
            </a:solidFill>
            <a:latin typeface="Calibri" panose="020F0502020204030204"/>
            <a:ea typeface="+mn-ea"/>
            <a:cs typeface="+mn-cs"/>
          </a:endParaRPr>
        </a:p>
      </dgm:t>
    </dgm:pt>
    <dgm:pt modelId="{A69D064D-AA66-489E-BA05-6EC6B820E76A}" type="parTrans" cxnId="{1BABB76E-2274-4FF8-83DB-B3673D5636E0}">
      <dgm:prSet/>
      <dgm:spPr/>
      <dgm:t>
        <a:bodyPr/>
        <a:lstStyle/>
        <a:p>
          <a:endParaRPr lang="en-US"/>
        </a:p>
      </dgm:t>
    </dgm:pt>
    <dgm:pt modelId="{21FE90F8-0A4F-45C6-99B5-1E067FA97551}" type="sibTrans" cxnId="{1BABB76E-2274-4FF8-83DB-B3673D5636E0}">
      <dgm:prSet/>
      <dgm:spPr/>
      <dgm:t>
        <a:bodyPr/>
        <a:lstStyle/>
        <a:p>
          <a:endParaRPr lang="en-US"/>
        </a:p>
      </dgm:t>
    </dgm:pt>
    <dgm:pt modelId="{8BC66D37-B346-4C82-90AC-9DD3007015DE}">
      <dgm:prSet phldrT="[Text]" custT="1"/>
      <dgm:spPr>
        <a:xfrm>
          <a:off x="12898533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50" i="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Board of Supervisors Endorse Plan </a:t>
          </a:r>
        </a:p>
        <a:p>
          <a:r>
            <a:rPr lang="en-US" sz="1450" i="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VDOT Review Begins</a:t>
          </a:r>
          <a:endParaRPr lang="en-US" sz="145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8CEF9D8B-9190-42C7-9A3D-69B5DAB12B5B}" type="parTrans" cxnId="{E25BBA52-6116-483A-8D82-872F84878901}">
      <dgm:prSet/>
      <dgm:spPr/>
      <dgm:t>
        <a:bodyPr/>
        <a:lstStyle/>
        <a:p>
          <a:endParaRPr lang="en-US"/>
        </a:p>
      </dgm:t>
    </dgm:pt>
    <dgm:pt modelId="{06614DCD-29E3-472D-ABF8-3085714EB00B}" type="sibTrans" cxnId="{E25BBA52-6116-483A-8D82-872F84878901}">
      <dgm:prSet/>
      <dgm:spPr/>
      <dgm:t>
        <a:bodyPr/>
        <a:lstStyle/>
        <a:p>
          <a:endParaRPr lang="en-US"/>
        </a:p>
      </dgm:t>
    </dgm:pt>
    <dgm:pt modelId="{134E07DC-1D6B-4A19-9B03-34F0B4834137}">
      <dgm:prSet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endParaRPr lang="en-US" sz="145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8B28D7E9-893E-46BC-BDBA-EBCC75FCC778}" type="parTrans" cxnId="{47CA0047-94A9-4836-A348-C58AFD72249E}">
      <dgm:prSet/>
      <dgm:spPr/>
      <dgm:t>
        <a:bodyPr/>
        <a:lstStyle/>
        <a:p>
          <a:endParaRPr lang="en-US"/>
        </a:p>
      </dgm:t>
    </dgm:pt>
    <dgm:pt modelId="{C85C5559-5333-4EDE-912E-6D160D0FE4FB}" type="sibTrans" cxnId="{47CA0047-94A9-4836-A348-C58AFD72249E}">
      <dgm:prSet/>
      <dgm:spPr/>
      <dgm:t>
        <a:bodyPr/>
        <a:lstStyle/>
        <a:p>
          <a:endParaRPr lang="en-US"/>
        </a:p>
      </dgm:t>
    </dgm:pt>
    <dgm:pt modelId="{700DDD02-82DC-4635-83B0-D29A812E0549}">
      <dgm:prSet phldrT="[Text]" custT="1"/>
      <dgm:spPr>
        <a:xfrm>
          <a:off x="4615626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i="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Takeaways from Public Outreach </a:t>
          </a:r>
          <a:r>
            <a:rPr lang="en-US" sz="14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Round III</a:t>
          </a:r>
          <a:endParaRPr lang="en-US" sz="1400" i="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r>
            <a:rPr lang="en-US" sz="1400" i="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Stakeholders Recommend Plan Revisions</a:t>
          </a:r>
          <a:endParaRPr lang="en-US" sz="1400" i="1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8C676454-A690-4021-8BB7-EC5ED8B1E27F}">
      <dgm:prSet phldrT="[Text]"/>
      <dgm:spPr>
        <a:xfrm>
          <a:off x="4212133" y="434616"/>
          <a:ext cx="2017465" cy="3743407"/>
        </a:xfr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June </a:t>
          </a:r>
          <a:r>
            <a:rPr lang="en-US" b="1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18</a:t>
          </a:r>
          <a:endParaRPr lang="en-US" b="1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gm:t>
    </dgm:pt>
    <dgm:pt modelId="{891319B6-3640-49C6-89AE-72DFA0FC8591}" type="sibTrans" cxnId="{658EBB78-802B-4050-A921-7E9D6FD2DC2D}">
      <dgm:prSet/>
      <dgm:spPr/>
      <dgm:t>
        <a:bodyPr/>
        <a:lstStyle/>
        <a:p>
          <a:endParaRPr lang="en-US"/>
        </a:p>
      </dgm:t>
    </dgm:pt>
    <dgm:pt modelId="{092D72E6-8E0C-42C2-B5E2-703B7A406BB9}" type="parTrans" cxnId="{658EBB78-802B-4050-A921-7E9D6FD2DC2D}">
      <dgm:prSet/>
      <dgm:spPr/>
      <dgm:t>
        <a:bodyPr/>
        <a:lstStyle/>
        <a:p>
          <a:endParaRPr lang="en-US"/>
        </a:p>
      </dgm:t>
    </dgm:pt>
    <dgm:pt modelId="{A25105D1-5476-4ED0-B5DD-F89606584918}" type="sibTrans" cxnId="{8A5D2D99-CCA2-487F-A95B-1DFEA50BD7D1}">
      <dgm:prSet/>
      <dgm:spPr/>
      <dgm:t>
        <a:bodyPr/>
        <a:lstStyle/>
        <a:p>
          <a:endParaRPr lang="en-US"/>
        </a:p>
      </dgm:t>
    </dgm:pt>
    <dgm:pt modelId="{F5FA3E0D-B99C-40C7-8DB8-26C6C6D8F7D5}" type="parTrans" cxnId="{8A5D2D99-CCA2-487F-A95B-1DFEA50BD7D1}">
      <dgm:prSet/>
      <dgm:spPr/>
      <dgm:t>
        <a:bodyPr/>
        <a:lstStyle/>
        <a:p>
          <a:endParaRPr lang="en-US"/>
        </a:p>
      </dgm:t>
    </dgm:pt>
    <dgm:pt modelId="{B39C728B-B21F-4A4A-AAA0-5E927E32272B}">
      <dgm:prSet phldrT="[Text]" custT="1"/>
      <dgm:spPr>
        <a:xfrm>
          <a:off x="2527549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r>
            <a:rPr lang="en-US" sz="14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Public Outreach Round III</a:t>
          </a:r>
        </a:p>
        <a:p>
          <a:r>
            <a:rPr lang="en-US" sz="14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Open Houses &amp; Online </a:t>
          </a:r>
        </a:p>
      </dgm:t>
    </dgm:pt>
    <dgm:pt modelId="{0957B2AD-CAF3-4FEC-B5EA-51B0E4B3F0F6}" type="sibTrans" cxnId="{F26DCC12-D470-4714-8110-A02A9689ACCE}">
      <dgm:prSet/>
      <dgm:spPr/>
      <dgm:t>
        <a:bodyPr/>
        <a:lstStyle/>
        <a:p>
          <a:endParaRPr lang="en-US"/>
        </a:p>
      </dgm:t>
    </dgm:pt>
    <dgm:pt modelId="{09589783-D3EF-4200-B133-27189C435F9A}" type="parTrans" cxnId="{F26DCC12-D470-4714-8110-A02A9689ACCE}">
      <dgm:prSet/>
      <dgm:spPr/>
      <dgm:t>
        <a:bodyPr/>
        <a:lstStyle/>
        <a:p>
          <a:endParaRPr lang="en-US"/>
        </a:p>
      </dgm:t>
    </dgm:pt>
    <dgm:pt modelId="{7851F3D3-E201-4C4A-BD0F-C0204898B9A4}">
      <dgm:prSet phldrT="[Text]"/>
      <dgm:spPr>
        <a:xfrm>
          <a:off x="2124056" y="434616"/>
          <a:ext cx="2017465" cy="3743407"/>
        </a:xfr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b="1" dirty="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May 14 – June 1</a:t>
          </a:r>
          <a:endParaRPr lang="en-US" b="1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gm:t>
    </dgm:pt>
    <dgm:pt modelId="{40DD3E2C-A4C9-4FE1-BF63-1274AB049FF8}" type="sibTrans" cxnId="{727CED4E-D272-4F8E-8C78-DDB4C2F458AE}">
      <dgm:prSet/>
      <dgm:spPr/>
      <dgm:t>
        <a:bodyPr/>
        <a:lstStyle/>
        <a:p>
          <a:endParaRPr lang="en-US"/>
        </a:p>
      </dgm:t>
    </dgm:pt>
    <dgm:pt modelId="{CBAD6108-001E-4DD2-B262-3485160A2319}" type="parTrans" cxnId="{727CED4E-D272-4F8E-8C78-DDB4C2F458AE}">
      <dgm:prSet/>
      <dgm:spPr/>
      <dgm:t>
        <a:bodyPr/>
        <a:lstStyle/>
        <a:p>
          <a:endParaRPr lang="en-US"/>
        </a:p>
      </dgm:t>
    </dgm:pt>
    <dgm:pt modelId="{3CC538CC-ACFC-433E-8B62-D78E02F87607}">
      <dgm:prSet custT="1"/>
      <dgm:spPr/>
      <dgm:t>
        <a:bodyPr/>
        <a:lstStyle/>
        <a:p>
          <a:endParaRPr lang="en-US" sz="1450" dirty="0" smtClean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</dgm:t>
    </dgm:pt>
    <dgm:pt modelId="{D7C5A070-6B70-43AE-9EEA-EE172C7F0DB8}" type="parTrans" cxnId="{21E7AA80-7E41-4E1F-9D62-21FD14E3049D}">
      <dgm:prSet/>
      <dgm:spPr/>
      <dgm:t>
        <a:bodyPr/>
        <a:lstStyle/>
        <a:p>
          <a:endParaRPr lang="en-US"/>
        </a:p>
      </dgm:t>
    </dgm:pt>
    <dgm:pt modelId="{513DD373-E25B-4485-A3C9-0398524069BA}" type="sibTrans" cxnId="{21E7AA80-7E41-4E1F-9D62-21FD14E3049D}">
      <dgm:prSet/>
      <dgm:spPr/>
      <dgm:t>
        <a:bodyPr/>
        <a:lstStyle/>
        <a:p>
          <a:endParaRPr lang="en-US"/>
        </a:p>
      </dgm:t>
    </dgm:pt>
    <dgm:pt modelId="{9587EAC1-FF08-42F1-AB0C-A2604BA6A68A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endParaRPr lang="en-US" sz="1450" dirty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</dgm:t>
    </dgm:pt>
    <dgm:pt modelId="{84E75E95-0455-480C-800E-ECE159B46DEE}" type="parTrans" cxnId="{30CA5703-3A35-4A02-87F1-F67E2B68764C}">
      <dgm:prSet/>
      <dgm:spPr/>
      <dgm:t>
        <a:bodyPr/>
        <a:lstStyle/>
        <a:p>
          <a:endParaRPr lang="en-US"/>
        </a:p>
      </dgm:t>
    </dgm:pt>
    <dgm:pt modelId="{06D47268-5C30-4AC6-9313-650236B0D9A1}" type="sibTrans" cxnId="{30CA5703-3A35-4A02-87F1-F67E2B68764C}">
      <dgm:prSet/>
      <dgm:spPr/>
      <dgm:t>
        <a:bodyPr/>
        <a:lstStyle/>
        <a:p>
          <a:endParaRPr lang="en-US"/>
        </a:p>
      </dgm:t>
    </dgm:pt>
    <dgm:pt modelId="{EDC52470-C31A-4EDC-943B-2699ED173EDF}">
      <dgm:prSet phldrT="[Text]" custT="1"/>
      <dgm:spPr>
        <a:xfrm>
          <a:off x="10858593" y="445244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endParaRPr lang="en-US" sz="1450" i="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81889012-AF2F-43F2-9625-51129BC9BECB}" type="parTrans" cxnId="{82212B6D-0071-42D9-8E81-8F8BE5A3327B}">
      <dgm:prSet/>
      <dgm:spPr/>
      <dgm:t>
        <a:bodyPr/>
        <a:lstStyle/>
        <a:p>
          <a:endParaRPr lang="en-US"/>
        </a:p>
      </dgm:t>
    </dgm:pt>
    <dgm:pt modelId="{34796E09-B51C-4C0B-9C8B-3DB4797A1F21}" type="sibTrans" cxnId="{82212B6D-0071-42D9-8E81-8F8BE5A3327B}">
      <dgm:prSet/>
      <dgm:spPr/>
      <dgm:t>
        <a:bodyPr/>
        <a:lstStyle/>
        <a:p>
          <a:endParaRPr lang="en-US"/>
        </a:p>
      </dgm:t>
    </dgm:pt>
    <dgm:pt modelId="{99241BF9-D926-4A0C-BDC5-BF1BC66DBC14}">
      <dgm:prSet custT="1"/>
      <dgm:spPr/>
      <dgm:t>
        <a:bodyPr/>
        <a:lstStyle/>
        <a:p>
          <a:endParaRPr lang="en-US" sz="140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gm:t>
    </dgm:pt>
    <dgm:pt modelId="{5FB5A44B-FC3C-4EE4-A186-4CD79B343E13}" type="parTrans" cxnId="{B50D35BB-DCF9-425B-9C14-4FFD560FB574}">
      <dgm:prSet/>
      <dgm:spPr/>
      <dgm:t>
        <a:bodyPr/>
        <a:lstStyle/>
        <a:p>
          <a:endParaRPr lang="en-US"/>
        </a:p>
      </dgm:t>
    </dgm:pt>
    <dgm:pt modelId="{54F8F5B9-5BE8-4E02-A10C-0D42C7DB2FB5}" type="sibTrans" cxnId="{B50D35BB-DCF9-425B-9C14-4FFD560FB574}">
      <dgm:prSet/>
      <dgm:spPr/>
      <dgm:t>
        <a:bodyPr/>
        <a:lstStyle/>
        <a:p>
          <a:endParaRPr lang="en-US"/>
        </a:p>
      </dgm:t>
    </dgm:pt>
    <dgm:pt modelId="{82236825-537F-4A7C-BF47-60FFF9618706}">
      <dgm:prSet phldrT="[Text]" custT="1"/>
      <dgm:spPr>
        <a:xfrm>
          <a:off x="4615626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endParaRPr lang="en-US" sz="1400" b="1" i="0" u="sng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r>
            <a:rPr lang="en-US" sz="1400" b="1" i="0" u="sng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STAKEHOLDERS COMMITTEE WORK COMPLETE</a:t>
          </a:r>
        </a:p>
      </dgm:t>
    </dgm:pt>
    <dgm:pt modelId="{602C0949-5DEE-4511-8D9C-BC4500975C5E}" type="parTrans" cxnId="{3C8A7231-60B0-4381-889B-6C973ECFB42F}">
      <dgm:prSet/>
      <dgm:spPr/>
      <dgm:t>
        <a:bodyPr/>
        <a:lstStyle/>
        <a:p>
          <a:endParaRPr lang="en-US"/>
        </a:p>
      </dgm:t>
    </dgm:pt>
    <dgm:pt modelId="{DB1E8466-2067-4A7C-BA42-74E165B43542}" type="sibTrans" cxnId="{3C8A7231-60B0-4381-889B-6C973ECFB42F}">
      <dgm:prSet/>
      <dgm:spPr/>
      <dgm:t>
        <a:bodyPr/>
        <a:lstStyle/>
        <a:p>
          <a:endParaRPr lang="en-US"/>
        </a:p>
      </dgm:t>
    </dgm:pt>
    <dgm:pt modelId="{D76205E8-3255-4C79-80C0-03CE91A0B39C}">
      <dgm:prSet phldrT="[Text]" custT="1"/>
      <dgm:spPr>
        <a:xfrm>
          <a:off x="4615626" y="434616"/>
          <a:ext cx="1503011" cy="3743407"/>
        </a:xfrm>
        <a:noFill/>
        <a:ln w="19050" cap="flat" cmpd="sng" algn="ctr">
          <a:noFill/>
          <a:prstDash val="solid"/>
          <a:miter lim="800000"/>
        </a:ln>
        <a:effectLst/>
        <a:sp3d/>
      </dgm:spPr>
      <dgm:t>
        <a:bodyPr/>
        <a:lstStyle/>
        <a:p>
          <a:endParaRPr lang="en-US" sz="1400" i="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endParaRPr lang="en-US" sz="1400" dirty="0"/>
        </a:p>
      </dgm:t>
    </dgm:pt>
    <dgm:pt modelId="{97F6EC03-9BCD-45AF-B43A-60CE9D4CE4D6}" type="parTrans" cxnId="{A98F1DF7-7F3B-491F-94D5-78DC5CA00EE2}">
      <dgm:prSet/>
      <dgm:spPr/>
      <dgm:t>
        <a:bodyPr/>
        <a:lstStyle/>
        <a:p>
          <a:endParaRPr lang="en-US"/>
        </a:p>
      </dgm:t>
    </dgm:pt>
    <dgm:pt modelId="{A931740F-D5A8-402B-8C99-C051E4892E51}" type="sibTrans" cxnId="{A98F1DF7-7F3B-491F-94D5-78DC5CA00EE2}">
      <dgm:prSet/>
      <dgm:spPr/>
      <dgm:t>
        <a:bodyPr/>
        <a:lstStyle/>
        <a:p>
          <a:endParaRPr lang="en-US"/>
        </a:p>
      </dgm:t>
    </dgm:pt>
    <dgm:pt modelId="{945F0300-20CE-48D3-AB7E-F48458036502}" type="pres">
      <dgm:prSet presAssocID="{7C499772-FA29-4250-B058-8F1C6F6233E8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C7294973-A4AF-47FB-AFFC-C2FE4D1218F3}" type="pres">
      <dgm:prSet presAssocID="{7851F3D3-E201-4C4A-BD0F-C0204898B9A4}" presName="compositeNode" presStyleCnt="0">
        <dgm:presLayoutVars>
          <dgm:bulletEnabled val="1"/>
        </dgm:presLayoutVars>
      </dgm:prSet>
      <dgm:spPr/>
    </dgm:pt>
    <dgm:pt modelId="{5390F804-FF85-4E1E-89EA-43B9C5A1F867}" type="pres">
      <dgm:prSet presAssocID="{7851F3D3-E201-4C4A-BD0F-C0204898B9A4}" presName="bgRect" presStyleLbl="node1" presStyleIdx="0" presStyleCnt="6" custScaleY="179452" custLinFactNeighborX="2278" custLinFactNeighborY="715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EFCD8E74-88ED-4FDD-BC51-012FEC10DAB4}" type="pres">
      <dgm:prSet presAssocID="{7851F3D3-E201-4C4A-BD0F-C0204898B9A4}" presName="parentNode" presStyleLbl="node1" presStyleIdx="0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97E7590-B16C-42B3-A27B-9260CADBA327}" type="pres">
      <dgm:prSet presAssocID="{7851F3D3-E201-4C4A-BD0F-C0204898B9A4}" presName="childNode" presStyleLbl="node1" presStyleIdx="0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293AA103-2877-490D-81DE-1EA20CF87DA3}" type="pres">
      <dgm:prSet presAssocID="{40DD3E2C-A4C9-4FE1-BF63-1274AB049FF8}" presName="hSp" presStyleCnt="0"/>
      <dgm:spPr/>
    </dgm:pt>
    <dgm:pt modelId="{04EB6DB5-8147-449D-B4EE-BBDAF94A5762}" type="pres">
      <dgm:prSet presAssocID="{40DD3E2C-A4C9-4FE1-BF63-1274AB049FF8}" presName="vProcSp" presStyleCnt="0"/>
      <dgm:spPr/>
    </dgm:pt>
    <dgm:pt modelId="{84DCB400-052D-4659-9686-0176B817081D}" type="pres">
      <dgm:prSet presAssocID="{40DD3E2C-A4C9-4FE1-BF63-1274AB049FF8}" presName="vSp1" presStyleCnt="0"/>
      <dgm:spPr/>
    </dgm:pt>
    <dgm:pt modelId="{7A8AF3E9-2CC2-4684-9843-899AE65FF7DB}" type="pres">
      <dgm:prSet presAssocID="{40DD3E2C-A4C9-4FE1-BF63-1274AB049FF8}" presName="simulatedConn" presStyleLbl="solidFgAcc1" presStyleIdx="0" presStyleCnt="5"/>
      <dgm:spPr>
        <a:xfrm rot="5400000">
          <a:off x="4009822" y="2356439"/>
          <a:ext cx="355394" cy="302619"/>
        </a:xfrm>
        <a:prstGeom prst="flowChartExtract">
          <a:avLst/>
        </a:prstGeom>
        <a:solidFill>
          <a:srgbClr val="FF9900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70D2200A-B9C8-4A8F-8816-6460C6657425}" type="pres">
      <dgm:prSet presAssocID="{40DD3E2C-A4C9-4FE1-BF63-1274AB049FF8}" presName="vSp2" presStyleCnt="0"/>
      <dgm:spPr/>
    </dgm:pt>
    <dgm:pt modelId="{4873F15F-43CC-4D98-8A08-019BB74DEE33}" type="pres">
      <dgm:prSet presAssocID="{40DD3E2C-A4C9-4FE1-BF63-1274AB049FF8}" presName="sibTrans" presStyleCnt="0"/>
      <dgm:spPr/>
    </dgm:pt>
    <dgm:pt modelId="{3FCC37A0-C373-4DE6-AA0F-5FA05C60ECF5}" type="pres">
      <dgm:prSet presAssocID="{8C676454-A690-4021-8BB7-EC5ED8B1E27F}" presName="compositeNode" presStyleCnt="0">
        <dgm:presLayoutVars>
          <dgm:bulletEnabled val="1"/>
        </dgm:presLayoutVars>
      </dgm:prSet>
      <dgm:spPr/>
    </dgm:pt>
    <dgm:pt modelId="{60BE9846-3508-4D0D-A068-D0038856A4CB}" type="pres">
      <dgm:prSet presAssocID="{8C676454-A690-4021-8BB7-EC5ED8B1E27F}" presName="bgRect" presStyleLbl="node1" presStyleIdx="1" presStyleCnt="6" custScaleY="179452" custLinFactNeighborX="1720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CD2F3053-B2C0-4B09-9EA2-306357F0E2E7}" type="pres">
      <dgm:prSet presAssocID="{8C676454-A690-4021-8BB7-EC5ED8B1E27F}" presName="parentNode" presStyleLbl="node1" presStyleIdx="1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8BD2E17-0A28-48C5-AD9E-088721A24733}" type="pres">
      <dgm:prSet presAssocID="{8C676454-A690-4021-8BB7-EC5ED8B1E27F}" presName="childNode" presStyleLbl="node1" presStyleIdx="1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26D8B9AD-258C-4431-B232-2F2627133E22}" type="pres">
      <dgm:prSet presAssocID="{891319B6-3640-49C6-89AE-72DFA0FC8591}" presName="hSp" presStyleCnt="0"/>
      <dgm:spPr/>
    </dgm:pt>
    <dgm:pt modelId="{D82ECFCE-43C5-4E6E-A770-EC7E3C5A4EB3}" type="pres">
      <dgm:prSet presAssocID="{891319B6-3640-49C6-89AE-72DFA0FC8591}" presName="vProcSp" presStyleCnt="0"/>
      <dgm:spPr/>
    </dgm:pt>
    <dgm:pt modelId="{867AE4F0-9EBB-497C-A2F9-E522D275B93E}" type="pres">
      <dgm:prSet presAssocID="{891319B6-3640-49C6-89AE-72DFA0FC8591}" presName="vSp1" presStyleCnt="0"/>
      <dgm:spPr/>
    </dgm:pt>
    <dgm:pt modelId="{A5F0E527-E669-49DA-84EC-85BDB08F62A4}" type="pres">
      <dgm:prSet presAssocID="{891319B6-3640-49C6-89AE-72DFA0FC8591}" presName="simulatedConn" presStyleLbl="solidFgAcc1" presStyleIdx="1" presStyleCnt="5"/>
      <dgm:spPr>
        <a:xfrm rot="5400000">
          <a:off x="6097899" y="2356439"/>
          <a:ext cx="355394" cy="302619"/>
        </a:xfrm>
        <a:prstGeom prst="flowChartExtract">
          <a:avLst/>
        </a:prstGeom>
        <a:solidFill>
          <a:srgbClr val="FF9900"/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3DF4F42E-000C-41C8-9DF8-DBC7FB649CAF}" type="pres">
      <dgm:prSet presAssocID="{891319B6-3640-49C6-89AE-72DFA0FC8591}" presName="vSp2" presStyleCnt="0"/>
      <dgm:spPr/>
    </dgm:pt>
    <dgm:pt modelId="{8AFA98F6-C715-4A42-B16E-9369D979C381}" type="pres">
      <dgm:prSet presAssocID="{891319B6-3640-49C6-89AE-72DFA0FC8591}" presName="sibTrans" presStyleCnt="0"/>
      <dgm:spPr/>
    </dgm:pt>
    <dgm:pt modelId="{1771295A-7954-45C7-8E21-AFCCF4772C25}" type="pres">
      <dgm:prSet presAssocID="{C7E71D36-8C00-48D9-A352-C6FE698A7D9A}" presName="compositeNode" presStyleCnt="0">
        <dgm:presLayoutVars>
          <dgm:bulletEnabled val="1"/>
        </dgm:presLayoutVars>
      </dgm:prSet>
      <dgm:spPr/>
    </dgm:pt>
    <dgm:pt modelId="{7D117C16-9071-40CF-8C36-95ED4B11076F}" type="pres">
      <dgm:prSet presAssocID="{C7E71D36-8C00-48D9-A352-C6FE698A7D9A}" presName="bgRect" presStyleLbl="node1" presStyleIdx="2" presStyleCnt="6" custScaleY="179452" custLinFactNeighborX="1720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1BEB2CA0-9371-48CD-809F-923C8F91A5E8}" type="pres">
      <dgm:prSet presAssocID="{C7E71D36-8C00-48D9-A352-C6FE698A7D9A}" presName="parentNode" presStyleLbl="node1" presStyleIdx="2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DBEAFCD-1445-4A59-AA0C-BF8DB8B27E1D}" type="pres">
      <dgm:prSet presAssocID="{C7E71D36-8C00-48D9-A352-C6FE698A7D9A}" presName="childNode" presStyleLbl="node1" presStyleIdx="2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D7D6E755-1A1C-46A7-AD0B-295D45E2D7EF}" type="pres">
      <dgm:prSet presAssocID="{E9A6C1BA-365A-4695-82CE-2261B18632C6}" presName="hSp" presStyleCnt="0"/>
      <dgm:spPr/>
    </dgm:pt>
    <dgm:pt modelId="{97E029EA-8F1D-4E23-BD12-0BD74409F243}" type="pres">
      <dgm:prSet presAssocID="{E9A6C1BA-365A-4695-82CE-2261B18632C6}" presName="vProcSp" presStyleCnt="0"/>
      <dgm:spPr/>
    </dgm:pt>
    <dgm:pt modelId="{506CB5F5-3385-4C8E-9317-99356178C5C9}" type="pres">
      <dgm:prSet presAssocID="{E9A6C1BA-365A-4695-82CE-2261B18632C6}" presName="vSp1" presStyleCnt="0"/>
      <dgm:spPr/>
    </dgm:pt>
    <dgm:pt modelId="{E8E2CD7C-7E4D-4B62-B697-2BB02B2FCFCC}" type="pres">
      <dgm:prSet presAssocID="{E9A6C1BA-365A-4695-82CE-2261B18632C6}" presName="simulatedConn" presStyleLbl="solidFgAcc1" presStyleIdx="2" presStyleCnt="5"/>
      <dgm:spPr>
        <a:xfrm rot="5400000">
          <a:off x="8185976" y="2356439"/>
          <a:ext cx="355394" cy="302619"/>
        </a:xfrm>
        <a:prstGeom prst="flowChartExtract">
          <a:avLst/>
        </a:prstGeom>
        <a:solidFill>
          <a:schemeClr val="tx1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3623185D-1F8B-46CC-8983-25D34AEB49F4}" type="pres">
      <dgm:prSet presAssocID="{E9A6C1BA-365A-4695-82CE-2261B18632C6}" presName="vSp2" presStyleCnt="0"/>
      <dgm:spPr/>
    </dgm:pt>
    <dgm:pt modelId="{E239D28F-7A7D-4D8E-B0F4-479E149AE7B4}" type="pres">
      <dgm:prSet presAssocID="{E9A6C1BA-365A-4695-82CE-2261B18632C6}" presName="sibTrans" presStyleCnt="0"/>
      <dgm:spPr/>
    </dgm:pt>
    <dgm:pt modelId="{428B60CB-B318-4A3B-BD7C-AFC1787E94E2}" type="pres">
      <dgm:prSet presAssocID="{CCDB761E-04E1-47AE-B98D-04B37FB92D8E}" presName="compositeNode" presStyleCnt="0">
        <dgm:presLayoutVars>
          <dgm:bulletEnabled val="1"/>
        </dgm:presLayoutVars>
      </dgm:prSet>
      <dgm:spPr/>
    </dgm:pt>
    <dgm:pt modelId="{AF0FCADA-4F83-4C74-87AD-EE65E4A8765F}" type="pres">
      <dgm:prSet presAssocID="{CCDB761E-04E1-47AE-B98D-04B37FB92D8E}" presName="bgRect" presStyleLbl="node1" presStyleIdx="3" presStyleCnt="6" custScaleY="179452" custLinFactNeighborX="1720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B1C90878-DF12-4D9C-8707-F838324D849C}" type="pres">
      <dgm:prSet presAssocID="{CCDB761E-04E1-47AE-B98D-04B37FB92D8E}" presName="parentNode" presStyleLbl="node1" presStyleIdx="3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E5D25A3-739F-488C-B632-DE0580B85A86}" type="pres">
      <dgm:prSet presAssocID="{CCDB761E-04E1-47AE-B98D-04B37FB92D8E}" presName="childNode" presStyleLbl="node1" presStyleIdx="3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2AD866ED-454B-4286-8FB1-1774D10FAED9}" type="pres">
      <dgm:prSet presAssocID="{AA36B170-2E91-4633-BC1F-E1D8CAF04F04}" presName="hSp" presStyleCnt="0"/>
      <dgm:spPr/>
    </dgm:pt>
    <dgm:pt modelId="{5A0CCE34-7A45-45E5-9B9C-E99ECC3CFCEB}" type="pres">
      <dgm:prSet presAssocID="{AA36B170-2E91-4633-BC1F-E1D8CAF04F04}" presName="vProcSp" presStyleCnt="0"/>
      <dgm:spPr/>
    </dgm:pt>
    <dgm:pt modelId="{A9B5B999-88BC-4564-8925-FE21F2E19AD9}" type="pres">
      <dgm:prSet presAssocID="{AA36B170-2E91-4633-BC1F-E1D8CAF04F04}" presName="vSp1" presStyleCnt="0"/>
      <dgm:spPr/>
    </dgm:pt>
    <dgm:pt modelId="{50232989-C6F4-4E7A-B962-DFD929347658}" type="pres">
      <dgm:prSet presAssocID="{AA36B170-2E91-4633-BC1F-E1D8CAF04F04}" presName="simulatedConn" presStyleLbl="solidFgAcc1" presStyleIdx="3" presStyleCnt="5"/>
      <dgm:spPr>
        <a:xfrm rot="5400000">
          <a:off x="10274053" y="2356439"/>
          <a:ext cx="355394" cy="302619"/>
        </a:xfrm>
        <a:prstGeom prst="flowChartExtract">
          <a:avLst/>
        </a:prstGeom>
        <a:solidFill>
          <a:schemeClr val="tx1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82D2E747-B170-47EB-AEAD-A66683BBACFF}" type="pres">
      <dgm:prSet presAssocID="{AA36B170-2E91-4633-BC1F-E1D8CAF04F04}" presName="vSp2" presStyleCnt="0"/>
      <dgm:spPr/>
    </dgm:pt>
    <dgm:pt modelId="{D5497436-12A4-468F-88CD-F390C792361D}" type="pres">
      <dgm:prSet presAssocID="{AA36B170-2E91-4633-BC1F-E1D8CAF04F04}" presName="sibTrans" presStyleCnt="0"/>
      <dgm:spPr/>
    </dgm:pt>
    <dgm:pt modelId="{57A0F18E-D55C-4370-9E31-D0503E640466}" type="pres">
      <dgm:prSet presAssocID="{9FAC6549-AB10-44BE-B495-C4273BBBAEE6}" presName="compositeNode" presStyleCnt="0">
        <dgm:presLayoutVars>
          <dgm:bulletEnabled val="1"/>
        </dgm:presLayoutVars>
      </dgm:prSet>
      <dgm:spPr/>
    </dgm:pt>
    <dgm:pt modelId="{0459CA4B-0FB7-42AB-8469-92CE969D47E0}" type="pres">
      <dgm:prSet presAssocID="{9FAC6549-AB10-44BE-B495-C4273BBBAEE6}" presName="bgRect" presStyleLbl="node1" presStyleIdx="4" presStyleCnt="6" custScaleY="179452" custLinFactNeighborX="666" custLinFactNeighborY="439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C1590E85-385D-4EE2-9BD9-C04A9736B365}" type="pres">
      <dgm:prSet presAssocID="{9FAC6549-AB10-44BE-B495-C4273BBBAEE6}" presName="parentNode" presStyleLbl="node1" presStyleIdx="4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0D5F7A3-324D-4595-802E-A7F62C405837}" type="pres">
      <dgm:prSet presAssocID="{9FAC6549-AB10-44BE-B495-C4273BBBAEE6}" presName="childNode" presStyleLbl="node1" presStyleIdx="4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  <dgm:pt modelId="{C53440B5-94A8-4D59-83EF-D465D3FA87C3}" type="pres">
      <dgm:prSet presAssocID="{F796B012-9EC3-4429-B896-7136854DFD85}" presName="hSp" presStyleCnt="0"/>
      <dgm:spPr/>
    </dgm:pt>
    <dgm:pt modelId="{682057DB-CCF6-43D2-885D-EDAE8E2B5BF2}" type="pres">
      <dgm:prSet presAssocID="{F796B012-9EC3-4429-B896-7136854DFD85}" presName="vProcSp" presStyleCnt="0"/>
      <dgm:spPr/>
    </dgm:pt>
    <dgm:pt modelId="{706F010C-5548-4105-BA80-51FF47F7D351}" type="pres">
      <dgm:prSet presAssocID="{F796B012-9EC3-4429-B896-7136854DFD85}" presName="vSp1" presStyleCnt="0"/>
      <dgm:spPr/>
    </dgm:pt>
    <dgm:pt modelId="{B49A5609-9F71-4BA6-A5E8-BCB549D46B77}" type="pres">
      <dgm:prSet presAssocID="{F796B012-9EC3-4429-B896-7136854DFD85}" presName="simulatedConn" presStyleLbl="solidFgAcc1" presStyleIdx="4" presStyleCnt="5"/>
      <dgm:spPr>
        <a:xfrm rot="5400000">
          <a:off x="12362130" y="2356439"/>
          <a:ext cx="355394" cy="302619"/>
        </a:xfrm>
        <a:prstGeom prst="flowChartExtract">
          <a:avLst/>
        </a:prstGeom>
        <a:solidFill>
          <a:schemeClr val="tx1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gm:spPr>
      <dgm:t>
        <a:bodyPr/>
        <a:lstStyle/>
        <a:p>
          <a:endParaRPr lang="en-US"/>
        </a:p>
      </dgm:t>
    </dgm:pt>
    <dgm:pt modelId="{CD00D606-BC0B-4A07-B97E-364641A7C82A}" type="pres">
      <dgm:prSet presAssocID="{F796B012-9EC3-4429-B896-7136854DFD85}" presName="vSp2" presStyleCnt="0"/>
      <dgm:spPr/>
    </dgm:pt>
    <dgm:pt modelId="{DC40D9AB-A09B-4054-8BD1-DE97A068E83C}" type="pres">
      <dgm:prSet presAssocID="{F796B012-9EC3-4429-B896-7136854DFD85}" presName="sibTrans" presStyleCnt="0"/>
      <dgm:spPr/>
    </dgm:pt>
    <dgm:pt modelId="{FD3C9A94-13F4-4085-8CB1-3E2928F44378}" type="pres">
      <dgm:prSet presAssocID="{CE059BAE-36BC-4450-B3C6-A7D78C4FDF12}" presName="compositeNode" presStyleCnt="0">
        <dgm:presLayoutVars>
          <dgm:bulletEnabled val="1"/>
        </dgm:presLayoutVars>
      </dgm:prSet>
      <dgm:spPr/>
    </dgm:pt>
    <dgm:pt modelId="{AC67CA9B-F60F-4E24-A7C6-257723140982}" type="pres">
      <dgm:prSet presAssocID="{CE059BAE-36BC-4450-B3C6-A7D78C4FDF12}" presName="bgRect" presStyleLbl="node1" presStyleIdx="5" presStyleCnt="6" custScaleY="179452" custLinFactNeighborX="-1720"/>
      <dgm:spPr>
        <a:prstGeom prst="roundRect">
          <a:avLst>
            <a:gd name="adj" fmla="val 5000"/>
          </a:avLst>
        </a:prstGeom>
      </dgm:spPr>
      <dgm:t>
        <a:bodyPr/>
        <a:lstStyle/>
        <a:p>
          <a:endParaRPr lang="en-US"/>
        </a:p>
      </dgm:t>
    </dgm:pt>
    <dgm:pt modelId="{47539056-6A93-4905-982E-5657EF6B03B8}" type="pres">
      <dgm:prSet presAssocID="{CE059BAE-36BC-4450-B3C6-A7D78C4FDF12}" presName="parentNode" presStyleLbl="node1" presStyleIdx="5" presStyleCnt="6">
        <dgm:presLayoutVars>
          <dgm:chMax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6537011-2FA0-4F12-BF00-A050414AA8D8}" type="pres">
      <dgm:prSet presAssocID="{CE059BAE-36BC-4450-B3C6-A7D78C4FDF12}" presName="childNode" presStyleLbl="node1" presStyleIdx="5" presStyleCnt="6">
        <dgm:presLayoutVars>
          <dgm:bulletEnabled val="1"/>
        </dgm:presLayoutVars>
      </dgm:prSet>
      <dgm:spPr>
        <a:prstGeom prst="rect">
          <a:avLst/>
        </a:prstGeom>
      </dgm:spPr>
      <dgm:t>
        <a:bodyPr/>
        <a:lstStyle/>
        <a:p>
          <a:endParaRPr lang="en-US"/>
        </a:p>
      </dgm:t>
    </dgm:pt>
  </dgm:ptLst>
  <dgm:cxnLst>
    <dgm:cxn modelId="{0F517038-76DF-4EDD-91DF-7C6CE3178EBE}" srcId="{7C499772-FA29-4250-B058-8F1C6F6233E8}" destId="{9FAC6549-AB10-44BE-B495-C4273BBBAEE6}" srcOrd="4" destOrd="0" parTransId="{384B9588-96D1-49A9-B9DA-8153B00F84B0}" sibTransId="{F796B012-9EC3-4429-B896-7136854DFD85}"/>
    <dgm:cxn modelId="{47CA0047-94A9-4836-A348-C58AFD72249E}" srcId="{9FAC6549-AB10-44BE-B495-C4273BBBAEE6}" destId="{134E07DC-1D6B-4A19-9B03-34F0B4834137}" srcOrd="3" destOrd="0" parTransId="{8B28D7E9-893E-46BC-BDBA-EBCC75FCC778}" sibTransId="{C85C5559-5333-4EDE-912E-6D160D0FE4FB}"/>
    <dgm:cxn modelId="{8A5D2D99-CCA2-487F-A95B-1DFEA50BD7D1}" srcId="{8C676454-A690-4021-8BB7-EC5ED8B1E27F}" destId="{700DDD02-82DC-4635-83B0-D29A812E0549}" srcOrd="0" destOrd="0" parTransId="{F5FA3E0D-B99C-40C7-8DB8-26C6C6D8F7D5}" sibTransId="{A25105D1-5476-4ED0-B5DD-F89606584918}"/>
    <dgm:cxn modelId="{658EBB78-802B-4050-A921-7E9D6FD2DC2D}" srcId="{7C499772-FA29-4250-B058-8F1C6F6233E8}" destId="{8C676454-A690-4021-8BB7-EC5ED8B1E27F}" srcOrd="1" destOrd="0" parTransId="{092D72E6-8E0C-42C2-B5E2-703B7A406BB9}" sibTransId="{891319B6-3640-49C6-89AE-72DFA0FC8591}"/>
    <dgm:cxn modelId="{1BABB76E-2274-4FF8-83DB-B3673D5636E0}" srcId="{7C499772-FA29-4250-B058-8F1C6F6233E8}" destId="{CE059BAE-36BC-4450-B3C6-A7D78C4FDF12}" srcOrd="5" destOrd="0" parTransId="{A69D064D-AA66-489E-BA05-6EC6B820E76A}" sibTransId="{21FE90F8-0A4F-45C6-99B5-1E067FA97551}"/>
    <dgm:cxn modelId="{30CA5703-3A35-4A02-87F1-F67E2B68764C}" srcId="{9FAC6549-AB10-44BE-B495-C4273BBBAEE6}" destId="{9587EAC1-FF08-42F1-AB0C-A2604BA6A68A}" srcOrd="1" destOrd="0" parTransId="{84E75E95-0455-480C-800E-ECE159B46DEE}" sibTransId="{06D47268-5C30-4AC6-9313-650236B0D9A1}"/>
    <dgm:cxn modelId="{A8DF40A5-D0C0-483C-976D-D6AD3FEB40F0}" srcId="{7C499772-FA29-4250-B058-8F1C6F6233E8}" destId="{CCDB761E-04E1-47AE-B98D-04B37FB92D8E}" srcOrd="3" destOrd="0" parTransId="{EEBB9F26-6BED-4833-8980-D126ACAB5A1E}" sibTransId="{AA36B170-2E91-4633-BC1F-E1D8CAF04F04}"/>
    <dgm:cxn modelId="{C0692040-4E5B-47B3-AFFE-DE9751C8DCC7}" type="presOf" srcId="{7851F3D3-E201-4C4A-BD0F-C0204898B9A4}" destId="{EFCD8E74-88ED-4FDD-BC51-012FEC10DAB4}" srcOrd="1" destOrd="0" presId="urn:microsoft.com/office/officeart/2005/8/layout/hProcess7"/>
    <dgm:cxn modelId="{20944718-5E5D-400C-A1D8-54180B4CB95D}" type="presOf" srcId="{8BC66D37-B346-4C82-90AC-9DD3007015DE}" destId="{46537011-2FA0-4F12-BF00-A050414AA8D8}" srcOrd="0" destOrd="0" presId="urn:microsoft.com/office/officeart/2005/8/layout/hProcess7"/>
    <dgm:cxn modelId="{91AD5074-1E9B-4E42-A669-E58FB1CCC0C0}" type="presOf" srcId="{0EC657D5-E840-4457-990E-78DE98B6D3F1}" destId="{BE5D25A3-739F-488C-B632-DE0580B85A86}" srcOrd="0" destOrd="0" presId="urn:microsoft.com/office/officeart/2005/8/layout/hProcess7"/>
    <dgm:cxn modelId="{B39AAFDD-3546-47A4-AAD8-8EF2782C9002}" srcId="{CCDB761E-04E1-47AE-B98D-04B37FB92D8E}" destId="{0EC657D5-E840-4457-990E-78DE98B6D3F1}" srcOrd="0" destOrd="0" parTransId="{9C6F5330-6E1C-4ECF-BEA0-F05B8B8300DB}" sibTransId="{1ADBAA47-9093-47DC-B677-F359EEE3D2E7}"/>
    <dgm:cxn modelId="{B50D35BB-DCF9-425B-9C14-4FFD560FB574}" srcId="{8C676454-A690-4021-8BB7-EC5ED8B1E27F}" destId="{99241BF9-D926-4A0C-BDC5-BF1BC66DBC14}" srcOrd="3" destOrd="0" parTransId="{5FB5A44B-FC3C-4EE4-A186-4CD79B343E13}" sibTransId="{54F8F5B9-5BE8-4E02-A10C-0D42C7DB2FB5}"/>
    <dgm:cxn modelId="{CD3387F2-67F0-4BC7-8817-F11883ACE6AB}" type="presOf" srcId="{9FAC6549-AB10-44BE-B495-C4273BBBAEE6}" destId="{0459CA4B-0FB7-42AB-8469-92CE969D47E0}" srcOrd="0" destOrd="0" presId="urn:microsoft.com/office/officeart/2005/8/layout/hProcess7"/>
    <dgm:cxn modelId="{517C0E88-54D2-4386-BCB1-FC4A1BD6C7D4}" type="presOf" srcId="{99241BF9-D926-4A0C-BDC5-BF1BC66DBC14}" destId="{78BD2E17-0A28-48C5-AD9E-088721A24733}" srcOrd="0" destOrd="3" presId="urn:microsoft.com/office/officeart/2005/8/layout/hProcess7"/>
    <dgm:cxn modelId="{F87CD4CB-5147-4C9E-BFA6-33704D9D2999}" type="presOf" srcId="{B39C728B-B21F-4A4A-AAA0-5E927E32272B}" destId="{097E7590-B16C-42B3-A27B-9260CADBA327}" srcOrd="0" destOrd="0" presId="urn:microsoft.com/office/officeart/2005/8/layout/hProcess7"/>
    <dgm:cxn modelId="{66B09DF1-3BE6-4D72-AA1F-312A3E8E0D06}" type="presOf" srcId="{CE059BAE-36BC-4450-B3C6-A7D78C4FDF12}" destId="{47539056-6A93-4905-982E-5657EF6B03B8}" srcOrd="1" destOrd="0" presId="urn:microsoft.com/office/officeart/2005/8/layout/hProcess7"/>
    <dgm:cxn modelId="{0B644869-79B1-40C9-BD11-529EFC88D541}" type="presOf" srcId="{CCDB761E-04E1-47AE-B98D-04B37FB92D8E}" destId="{AF0FCADA-4F83-4C74-87AD-EE65E4A8765F}" srcOrd="0" destOrd="0" presId="urn:microsoft.com/office/officeart/2005/8/layout/hProcess7"/>
    <dgm:cxn modelId="{02B93631-74F6-4B73-952F-B4DA4934388B}" type="presOf" srcId="{D76205E8-3255-4C79-80C0-03CE91A0B39C}" destId="{78BD2E17-0A28-48C5-AD9E-088721A24733}" srcOrd="0" destOrd="2" presId="urn:microsoft.com/office/officeart/2005/8/layout/hProcess7"/>
    <dgm:cxn modelId="{82212B6D-0071-42D9-8E81-8F8BE5A3327B}" srcId="{9FAC6549-AB10-44BE-B495-C4273BBBAEE6}" destId="{EDC52470-C31A-4EDC-943B-2699ED173EDF}" srcOrd="2" destOrd="0" parTransId="{81889012-AF2F-43F2-9625-51129BC9BECB}" sibTransId="{34796E09-B51C-4C0B-9C8B-3DB4797A1F21}"/>
    <dgm:cxn modelId="{BB360374-09C8-43C7-B6A9-7B608CACB417}" type="presOf" srcId="{9587EAC1-FF08-42F1-AB0C-A2604BA6A68A}" destId="{40D5F7A3-324D-4595-802E-A7F62C405837}" srcOrd="0" destOrd="1" presId="urn:microsoft.com/office/officeart/2005/8/layout/hProcess7"/>
    <dgm:cxn modelId="{CC8B2B0A-A4A2-400B-9D60-1B9D18A41856}" srcId="{C7E71D36-8C00-48D9-A352-C6FE698A7D9A}" destId="{33C26386-4227-427E-8790-6CBE1450E2BE}" srcOrd="0" destOrd="0" parTransId="{AB908DEF-88CF-4ECC-B57C-41E2937DA48C}" sibTransId="{12C8868B-A651-4BAC-AC3F-6BB09BF7A1F1}"/>
    <dgm:cxn modelId="{3C90D79A-EC0D-4C84-94B0-6ED3385281D9}" type="presOf" srcId="{8C676454-A690-4021-8BB7-EC5ED8B1E27F}" destId="{60BE9846-3508-4D0D-A068-D0038856A4CB}" srcOrd="0" destOrd="0" presId="urn:microsoft.com/office/officeart/2005/8/layout/hProcess7"/>
    <dgm:cxn modelId="{45B8DBBD-E9E9-4330-9EDB-CE8866F2779A}" type="presOf" srcId="{EDC52470-C31A-4EDC-943B-2699ED173EDF}" destId="{40D5F7A3-324D-4595-802E-A7F62C405837}" srcOrd="0" destOrd="2" presId="urn:microsoft.com/office/officeart/2005/8/layout/hProcess7"/>
    <dgm:cxn modelId="{15129EE4-4EBC-4C87-9197-454DDA07B104}" type="presOf" srcId="{C7E71D36-8C00-48D9-A352-C6FE698A7D9A}" destId="{1BEB2CA0-9371-48CD-809F-923C8F91A5E8}" srcOrd="1" destOrd="0" presId="urn:microsoft.com/office/officeart/2005/8/layout/hProcess7"/>
    <dgm:cxn modelId="{89BE0DC1-97CB-4E44-AE5D-4773DED4117C}" type="presOf" srcId="{33C26386-4227-427E-8790-6CBE1450E2BE}" destId="{7DBEAFCD-1445-4A59-AA0C-BF8DB8B27E1D}" srcOrd="0" destOrd="0" presId="urn:microsoft.com/office/officeart/2005/8/layout/hProcess7"/>
    <dgm:cxn modelId="{42DEF2A9-BC61-483A-94BB-5318E006D808}" type="presOf" srcId="{C7E71D36-8C00-48D9-A352-C6FE698A7D9A}" destId="{7D117C16-9071-40CF-8C36-95ED4B11076F}" srcOrd="0" destOrd="0" presId="urn:microsoft.com/office/officeart/2005/8/layout/hProcess7"/>
    <dgm:cxn modelId="{D55021EA-006B-4197-9FDB-17C960451AD5}" type="presOf" srcId="{7C499772-FA29-4250-B058-8F1C6F6233E8}" destId="{945F0300-20CE-48D3-AB7E-F48458036502}" srcOrd="0" destOrd="0" presId="urn:microsoft.com/office/officeart/2005/8/layout/hProcess7"/>
    <dgm:cxn modelId="{8F6D55A1-535D-42F8-B3E8-B1CF92C61D46}" type="presOf" srcId="{7851F3D3-E201-4C4A-BD0F-C0204898B9A4}" destId="{5390F804-FF85-4E1E-89EA-43B9C5A1F867}" srcOrd="0" destOrd="0" presId="urn:microsoft.com/office/officeart/2005/8/layout/hProcess7"/>
    <dgm:cxn modelId="{1C515ECA-9976-49D3-9276-40EE3AD69E90}" srcId="{9FAC6549-AB10-44BE-B495-C4273BBBAEE6}" destId="{817C5577-43E3-482F-B607-48BF0897B9A6}" srcOrd="0" destOrd="0" parTransId="{C5123725-E601-41F5-8ECB-3E3897C1D694}" sibTransId="{B867C949-D2F5-4370-A42F-29625AEE0F6D}"/>
    <dgm:cxn modelId="{B1398C18-BE2D-4F6F-938A-AC21BFE099C6}" type="presOf" srcId="{CE059BAE-36BC-4450-B3C6-A7D78C4FDF12}" destId="{AC67CA9B-F60F-4E24-A7C6-257723140982}" srcOrd="0" destOrd="0" presId="urn:microsoft.com/office/officeart/2005/8/layout/hProcess7"/>
    <dgm:cxn modelId="{A98F1DF7-7F3B-491F-94D5-78DC5CA00EE2}" srcId="{8C676454-A690-4021-8BB7-EC5ED8B1E27F}" destId="{D76205E8-3255-4C79-80C0-03CE91A0B39C}" srcOrd="2" destOrd="0" parTransId="{97F6EC03-9BCD-45AF-B43A-60CE9D4CE4D6}" sibTransId="{A931740F-D5A8-402B-8C99-C051E4892E51}"/>
    <dgm:cxn modelId="{5CE30E71-6675-4C52-9B94-D7EE6D54A319}" type="presOf" srcId="{82236825-537F-4A7C-BF47-60FFF9618706}" destId="{78BD2E17-0A28-48C5-AD9E-088721A24733}" srcOrd="0" destOrd="1" presId="urn:microsoft.com/office/officeart/2005/8/layout/hProcess7"/>
    <dgm:cxn modelId="{F8DD4873-1F02-4F70-B32F-1FDA4E42956A}" type="presOf" srcId="{134E07DC-1D6B-4A19-9B03-34F0B4834137}" destId="{40D5F7A3-324D-4595-802E-A7F62C405837}" srcOrd="0" destOrd="3" presId="urn:microsoft.com/office/officeart/2005/8/layout/hProcess7"/>
    <dgm:cxn modelId="{F26DCC12-D470-4714-8110-A02A9689ACCE}" srcId="{7851F3D3-E201-4C4A-BD0F-C0204898B9A4}" destId="{B39C728B-B21F-4A4A-AAA0-5E927E32272B}" srcOrd="0" destOrd="0" parTransId="{09589783-D3EF-4200-B133-27189C435F9A}" sibTransId="{0957B2AD-CAF3-4FEC-B5EA-51B0E4B3F0F6}"/>
    <dgm:cxn modelId="{1B199213-E128-4F1F-B889-FE608CA5872E}" type="presOf" srcId="{9FAC6549-AB10-44BE-B495-C4273BBBAEE6}" destId="{C1590E85-385D-4EE2-9BD9-C04A9736B365}" srcOrd="1" destOrd="0" presId="urn:microsoft.com/office/officeart/2005/8/layout/hProcess7"/>
    <dgm:cxn modelId="{5044F89C-28DF-4EBA-ACBB-162DB5EB152F}" type="presOf" srcId="{3CC538CC-ACFC-433E-8B62-D78E02F87607}" destId="{BE5D25A3-739F-488C-B632-DE0580B85A86}" srcOrd="0" destOrd="1" presId="urn:microsoft.com/office/officeart/2005/8/layout/hProcess7"/>
    <dgm:cxn modelId="{21E7AA80-7E41-4E1F-9D62-21FD14E3049D}" srcId="{CCDB761E-04E1-47AE-B98D-04B37FB92D8E}" destId="{3CC538CC-ACFC-433E-8B62-D78E02F87607}" srcOrd="1" destOrd="0" parTransId="{D7C5A070-6B70-43AE-9EEA-EE172C7F0DB8}" sibTransId="{513DD373-E25B-4485-A3C9-0398524069BA}"/>
    <dgm:cxn modelId="{2D0405FB-5B08-4CD6-8AC7-933DE34277CE}" srcId="{7C499772-FA29-4250-B058-8F1C6F6233E8}" destId="{C7E71D36-8C00-48D9-A352-C6FE698A7D9A}" srcOrd="2" destOrd="0" parTransId="{6F7D46AC-358A-461A-871A-FB1959552AA0}" sibTransId="{E9A6C1BA-365A-4695-82CE-2261B18632C6}"/>
    <dgm:cxn modelId="{67FB8F8D-0DA7-454F-A955-98E208F53CB3}" type="presOf" srcId="{CCDB761E-04E1-47AE-B98D-04B37FB92D8E}" destId="{B1C90878-DF12-4D9C-8707-F838324D849C}" srcOrd="1" destOrd="0" presId="urn:microsoft.com/office/officeart/2005/8/layout/hProcess7"/>
    <dgm:cxn modelId="{727CED4E-D272-4F8E-8C78-DDB4C2F458AE}" srcId="{7C499772-FA29-4250-B058-8F1C6F6233E8}" destId="{7851F3D3-E201-4C4A-BD0F-C0204898B9A4}" srcOrd="0" destOrd="0" parTransId="{CBAD6108-001E-4DD2-B262-3485160A2319}" sibTransId="{40DD3E2C-A4C9-4FE1-BF63-1274AB049FF8}"/>
    <dgm:cxn modelId="{994A76B6-17F0-4857-84F5-04CD961DDCA4}" type="presOf" srcId="{700DDD02-82DC-4635-83B0-D29A812E0549}" destId="{78BD2E17-0A28-48C5-AD9E-088721A24733}" srcOrd="0" destOrd="0" presId="urn:microsoft.com/office/officeart/2005/8/layout/hProcess7"/>
    <dgm:cxn modelId="{E25BBA52-6116-483A-8D82-872F84878901}" srcId="{CE059BAE-36BC-4450-B3C6-A7D78C4FDF12}" destId="{8BC66D37-B346-4C82-90AC-9DD3007015DE}" srcOrd="0" destOrd="0" parTransId="{8CEF9D8B-9190-42C7-9A3D-69B5DAB12B5B}" sibTransId="{06614DCD-29E3-472D-ABF8-3085714EB00B}"/>
    <dgm:cxn modelId="{843D8F5E-670A-48C5-9A4C-C5BF0E3880E1}" type="presOf" srcId="{817C5577-43E3-482F-B607-48BF0897B9A6}" destId="{40D5F7A3-324D-4595-802E-A7F62C405837}" srcOrd="0" destOrd="0" presId="urn:microsoft.com/office/officeart/2005/8/layout/hProcess7"/>
    <dgm:cxn modelId="{3C8A7231-60B0-4381-889B-6C973ECFB42F}" srcId="{8C676454-A690-4021-8BB7-EC5ED8B1E27F}" destId="{82236825-537F-4A7C-BF47-60FFF9618706}" srcOrd="1" destOrd="0" parTransId="{602C0949-5DEE-4511-8D9C-BC4500975C5E}" sibTransId="{DB1E8466-2067-4A7C-BA42-74E165B43542}"/>
    <dgm:cxn modelId="{8B074D7F-1FBE-41CE-B4A4-780C1A1A7AE4}" type="presOf" srcId="{8C676454-A690-4021-8BB7-EC5ED8B1E27F}" destId="{CD2F3053-B2C0-4B09-9EA2-306357F0E2E7}" srcOrd="1" destOrd="0" presId="urn:microsoft.com/office/officeart/2005/8/layout/hProcess7"/>
    <dgm:cxn modelId="{33A41F66-E38B-45EE-9BBF-AE8F6EBA6AFF}" type="presParOf" srcId="{945F0300-20CE-48D3-AB7E-F48458036502}" destId="{C7294973-A4AF-47FB-AFFC-C2FE4D1218F3}" srcOrd="0" destOrd="0" presId="urn:microsoft.com/office/officeart/2005/8/layout/hProcess7"/>
    <dgm:cxn modelId="{412ACF81-59BB-4000-A11B-E8EFF359510B}" type="presParOf" srcId="{C7294973-A4AF-47FB-AFFC-C2FE4D1218F3}" destId="{5390F804-FF85-4E1E-89EA-43B9C5A1F867}" srcOrd="0" destOrd="0" presId="urn:microsoft.com/office/officeart/2005/8/layout/hProcess7"/>
    <dgm:cxn modelId="{8BFDE59C-A59B-430D-B718-96246139887D}" type="presParOf" srcId="{C7294973-A4AF-47FB-AFFC-C2FE4D1218F3}" destId="{EFCD8E74-88ED-4FDD-BC51-012FEC10DAB4}" srcOrd="1" destOrd="0" presId="urn:microsoft.com/office/officeart/2005/8/layout/hProcess7"/>
    <dgm:cxn modelId="{D0E8BD89-2782-4ADC-B386-28FB68A21C4F}" type="presParOf" srcId="{C7294973-A4AF-47FB-AFFC-C2FE4D1218F3}" destId="{097E7590-B16C-42B3-A27B-9260CADBA327}" srcOrd="2" destOrd="0" presId="urn:microsoft.com/office/officeart/2005/8/layout/hProcess7"/>
    <dgm:cxn modelId="{8D8F6AAB-F454-4470-912C-E3BCE79FB768}" type="presParOf" srcId="{945F0300-20CE-48D3-AB7E-F48458036502}" destId="{293AA103-2877-490D-81DE-1EA20CF87DA3}" srcOrd="1" destOrd="0" presId="urn:microsoft.com/office/officeart/2005/8/layout/hProcess7"/>
    <dgm:cxn modelId="{FAF566D8-669B-4757-8D83-53A943E358E9}" type="presParOf" srcId="{945F0300-20CE-48D3-AB7E-F48458036502}" destId="{04EB6DB5-8147-449D-B4EE-BBDAF94A5762}" srcOrd="2" destOrd="0" presId="urn:microsoft.com/office/officeart/2005/8/layout/hProcess7"/>
    <dgm:cxn modelId="{2A7521DD-85AB-492A-AC13-86897F63E8BA}" type="presParOf" srcId="{04EB6DB5-8147-449D-B4EE-BBDAF94A5762}" destId="{84DCB400-052D-4659-9686-0176B817081D}" srcOrd="0" destOrd="0" presId="urn:microsoft.com/office/officeart/2005/8/layout/hProcess7"/>
    <dgm:cxn modelId="{4291CBCD-9DCF-4294-BD7F-A4096694B01E}" type="presParOf" srcId="{04EB6DB5-8147-449D-B4EE-BBDAF94A5762}" destId="{7A8AF3E9-2CC2-4684-9843-899AE65FF7DB}" srcOrd="1" destOrd="0" presId="urn:microsoft.com/office/officeart/2005/8/layout/hProcess7"/>
    <dgm:cxn modelId="{BFCA1267-A52E-43EE-BE20-0E923D65FF61}" type="presParOf" srcId="{04EB6DB5-8147-449D-B4EE-BBDAF94A5762}" destId="{70D2200A-B9C8-4A8F-8816-6460C6657425}" srcOrd="2" destOrd="0" presId="urn:microsoft.com/office/officeart/2005/8/layout/hProcess7"/>
    <dgm:cxn modelId="{1917847F-403E-4B26-ACD4-E91F76DBD66B}" type="presParOf" srcId="{945F0300-20CE-48D3-AB7E-F48458036502}" destId="{4873F15F-43CC-4D98-8A08-019BB74DEE33}" srcOrd="3" destOrd="0" presId="urn:microsoft.com/office/officeart/2005/8/layout/hProcess7"/>
    <dgm:cxn modelId="{EB821376-0526-415C-8C0D-881D46BD9F65}" type="presParOf" srcId="{945F0300-20CE-48D3-AB7E-F48458036502}" destId="{3FCC37A0-C373-4DE6-AA0F-5FA05C60ECF5}" srcOrd="4" destOrd="0" presId="urn:microsoft.com/office/officeart/2005/8/layout/hProcess7"/>
    <dgm:cxn modelId="{6508FDBB-3453-4546-863C-D19E7EC0F6EA}" type="presParOf" srcId="{3FCC37A0-C373-4DE6-AA0F-5FA05C60ECF5}" destId="{60BE9846-3508-4D0D-A068-D0038856A4CB}" srcOrd="0" destOrd="0" presId="urn:microsoft.com/office/officeart/2005/8/layout/hProcess7"/>
    <dgm:cxn modelId="{3C5C75A0-05F9-4EC2-B05E-5B51B9BE4E3D}" type="presParOf" srcId="{3FCC37A0-C373-4DE6-AA0F-5FA05C60ECF5}" destId="{CD2F3053-B2C0-4B09-9EA2-306357F0E2E7}" srcOrd="1" destOrd="0" presId="urn:microsoft.com/office/officeart/2005/8/layout/hProcess7"/>
    <dgm:cxn modelId="{E4F3F4EB-C88B-4E1D-88E4-4588D603480F}" type="presParOf" srcId="{3FCC37A0-C373-4DE6-AA0F-5FA05C60ECF5}" destId="{78BD2E17-0A28-48C5-AD9E-088721A24733}" srcOrd="2" destOrd="0" presId="urn:microsoft.com/office/officeart/2005/8/layout/hProcess7"/>
    <dgm:cxn modelId="{447F8037-5B80-456F-B156-71BC6E780DCD}" type="presParOf" srcId="{945F0300-20CE-48D3-AB7E-F48458036502}" destId="{26D8B9AD-258C-4431-B232-2F2627133E22}" srcOrd="5" destOrd="0" presId="urn:microsoft.com/office/officeart/2005/8/layout/hProcess7"/>
    <dgm:cxn modelId="{15642BF0-A9C1-4485-BAB1-7726C8D7AC38}" type="presParOf" srcId="{945F0300-20CE-48D3-AB7E-F48458036502}" destId="{D82ECFCE-43C5-4E6E-A770-EC7E3C5A4EB3}" srcOrd="6" destOrd="0" presId="urn:microsoft.com/office/officeart/2005/8/layout/hProcess7"/>
    <dgm:cxn modelId="{759247E2-AF7D-4C33-8986-9BA29049D873}" type="presParOf" srcId="{D82ECFCE-43C5-4E6E-A770-EC7E3C5A4EB3}" destId="{867AE4F0-9EBB-497C-A2F9-E522D275B93E}" srcOrd="0" destOrd="0" presId="urn:microsoft.com/office/officeart/2005/8/layout/hProcess7"/>
    <dgm:cxn modelId="{4C548EBB-4317-47A9-9469-6EF3400CDBD2}" type="presParOf" srcId="{D82ECFCE-43C5-4E6E-A770-EC7E3C5A4EB3}" destId="{A5F0E527-E669-49DA-84EC-85BDB08F62A4}" srcOrd="1" destOrd="0" presId="urn:microsoft.com/office/officeart/2005/8/layout/hProcess7"/>
    <dgm:cxn modelId="{BA458AFB-3660-4F7E-A419-0ECC974ACFDA}" type="presParOf" srcId="{D82ECFCE-43C5-4E6E-A770-EC7E3C5A4EB3}" destId="{3DF4F42E-000C-41C8-9DF8-DBC7FB649CAF}" srcOrd="2" destOrd="0" presId="urn:microsoft.com/office/officeart/2005/8/layout/hProcess7"/>
    <dgm:cxn modelId="{F912E170-53C0-49EF-BD40-19C84E8E9CEC}" type="presParOf" srcId="{945F0300-20CE-48D3-AB7E-F48458036502}" destId="{8AFA98F6-C715-4A42-B16E-9369D979C381}" srcOrd="7" destOrd="0" presId="urn:microsoft.com/office/officeart/2005/8/layout/hProcess7"/>
    <dgm:cxn modelId="{C5DA9F86-CEF6-40AC-A883-E5A0CEB00568}" type="presParOf" srcId="{945F0300-20CE-48D3-AB7E-F48458036502}" destId="{1771295A-7954-45C7-8E21-AFCCF4772C25}" srcOrd="8" destOrd="0" presId="urn:microsoft.com/office/officeart/2005/8/layout/hProcess7"/>
    <dgm:cxn modelId="{580439EF-1CE9-4A9C-8DA4-D92F89A78C6F}" type="presParOf" srcId="{1771295A-7954-45C7-8E21-AFCCF4772C25}" destId="{7D117C16-9071-40CF-8C36-95ED4B11076F}" srcOrd="0" destOrd="0" presId="urn:microsoft.com/office/officeart/2005/8/layout/hProcess7"/>
    <dgm:cxn modelId="{C95EC9D5-C887-47BF-892E-6316B887A5B0}" type="presParOf" srcId="{1771295A-7954-45C7-8E21-AFCCF4772C25}" destId="{1BEB2CA0-9371-48CD-809F-923C8F91A5E8}" srcOrd="1" destOrd="0" presId="urn:microsoft.com/office/officeart/2005/8/layout/hProcess7"/>
    <dgm:cxn modelId="{CFB1BF46-CB69-444E-9FB1-D7723406ADCC}" type="presParOf" srcId="{1771295A-7954-45C7-8E21-AFCCF4772C25}" destId="{7DBEAFCD-1445-4A59-AA0C-BF8DB8B27E1D}" srcOrd="2" destOrd="0" presId="urn:microsoft.com/office/officeart/2005/8/layout/hProcess7"/>
    <dgm:cxn modelId="{C431D38C-9900-4098-AB9B-016540BED30C}" type="presParOf" srcId="{945F0300-20CE-48D3-AB7E-F48458036502}" destId="{D7D6E755-1A1C-46A7-AD0B-295D45E2D7EF}" srcOrd="9" destOrd="0" presId="urn:microsoft.com/office/officeart/2005/8/layout/hProcess7"/>
    <dgm:cxn modelId="{AA77957C-38B7-49FB-B38B-81BBD5E81574}" type="presParOf" srcId="{945F0300-20CE-48D3-AB7E-F48458036502}" destId="{97E029EA-8F1D-4E23-BD12-0BD74409F243}" srcOrd="10" destOrd="0" presId="urn:microsoft.com/office/officeart/2005/8/layout/hProcess7"/>
    <dgm:cxn modelId="{3894144B-3328-426A-AB01-EF8C15625B4D}" type="presParOf" srcId="{97E029EA-8F1D-4E23-BD12-0BD74409F243}" destId="{506CB5F5-3385-4C8E-9317-99356178C5C9}" srcOrd="0" destOrd="0" presId="urn:microsoft.com/office/officeart/2005/8/layout/hProcess7"/>
    <dgm:cxn modelId="{664426ED-6A80-4AC9-A1D8-2ADE94C2C6C6}" type="presParOf" srcId="{97E029EA-8F1D-4E23-BD12-0BD74409F243}" destId="{E8E2CD7C-7E4D-4B62-B697-2BB02B2FCFCC}" srcOrd="1" destOrd="0" presId="urn:microsoft.com/office/officeart/2005/8/layout/hProcess7"/>
    <dgm:cxn modelId="{8AEAE5C1-0C05-426B-8EA1-257DBBD47DDF}" type="presParOf" srcId="{97E029EA-8F1D-4E23-BD12-0BD74409F243}" destId="{3623185D-1F8B-46CC-8983-25D34AEB49F4}" srcOrd="2" destOrd="0" presId="urn:microsoft.com/office/officeart/2005/8/layout/hProcess7"/>
    <dgm:cxn modelId="{67CA3F0C-9CF2-4E3C-AB6A-5B6C914943B1}" type="presParOf" srcId="{945F0300-20CE-48D3-AB7E-F48458036502}" destId="{E239D28F-7A7D-4D8E-B0F4-479E149AE7B4}" srcOrd="11" destOrd="0" presId="urn:microsoft.com/office/officeart/2005/8/layout/hProcess7"/>
    <dgm:cxn modelId="{B277D5D2-F29B-46FA-8F13-73147F281293}" type="presParOf" srcId="{945F0300-20CE-48D3-AB7E-F48458036502}" destId="{428B60CB-B318-4A3B-BD7C-AFC1787E94E2}" srcOrd="12" destOrd="0" presId="urn:microsoft.com/office/officeart/2005/8/layout/hProcess7"/>
    <dgm:cxn modelId="{91688620-D56B-497A-9810-079BDDB1F6AC}" type="presParOf" srcId="{428B60CB-B318-4A3B-BD7C-AFC1787E94E2}" destId="{AF0FCADA-4F83-4C74-87AD-EE65E4A8765F}" srcOrd="0" destOrd="0" presId="urn:microsoft.com/office/officeart/2005/8/layout/hProcess7"/>
    <dgm:cxn modelId="{F2C4A186-7B03-4DB4-BD40-03CE3FE6E285}" type="presParOf" srcId="{428B60CB-B318-4A3B-BD7C-AFC1787E94E2}" destId="{B1C90878-DF12-4D9C-8707-F838324D849C}" srcOrd="1" destOrd="0" presId="urn:microsoft.com/office/officeart/2005/8/layout/hProcess7"/>
    <dgm:cxn modelId="{7D2FE23B-DC5D-487F-8AA0-AD2E04C2D567}" type="presParOf" srcId="{428B60CB-B318-4A3B-BD7C-AFC1787E94E2}" destId="{BE5D25A3-739F-488C-B632-DE0580B85A86}" srcOrd="2" destOrd="0" presId="urn:microsoft.com/office/officeart/2005/8/layout/hProcess7"/>
    <dgm:cxn modelId="{74A8C82A-F5B8-42A4-A654-2B91285E6AEF}" type="presParOf" srcId="{945F0300-20CE-48D3-AB7E-F48458036502}" destId="{2AD866ED-454B-4286-8FB1-1774D10FAED9}" srcOrd="13" destOrd="0" presId="urn:microsoft.com/office/officeart/2005/8/layout/hProcess7"/>
    <dgm:cxn modelId="{C42112EB-7768-457D-AFAB-F4878386BFA6}" type="presParOf" srcId="{945F0300-20CE-48D3-AB7E-F48458036502}" destId="{5A0CCE34-7A45-45E5-9B9C-E99ECC3CFCEB}" srcOrd="14" destOrd="0" presId="urn:microsoft.com/office/officeart/2005/8/layout/hProcess7"/>
    <dgm:cxn modelId="{3CDF0F25-DCE7-4A3C-8507-C8D171D7A4F2}" type="presParOf" srcId="{5A0CCE34-7A45-45E5-9B9C-E99ECC3CFCEB}" destId="{A9B5B999-88BC-4564-8925-FE21F2E19AD9}" srcOrd="0" destOrd="0" presId="urn:microsoft.com/office/officeart/2005/8/layout/hProcess7"/>
    <dgm:cxn modelId="{F6ECEADE-065F-4774-AAB1-3C56D9B1EC5A}" type="presParOf" srcId="{5A0CCE34-7A45-45E5-9B9C-E99ECC3CFCEB}" destId="{50232989-C6F4-4E7A-B962-DFD929347658}" srcOrd="1" destOrd="0" presId="urn:microsoft.com/office/officeart/2005/8/layout/hProcess7"/>
    <dgm:cxn modelId="{402BFE05-9B8B-442C-B476-3090FD8B70BF}" type="presParOf" srcId="{5A0CCE34-7A45-45E5-9B9C-E99ECC3CFCEB}" destId="{82D2E747-B170-47EB-AEAD-A66683BBACFF}" srcOrd="2" destOrd="0" presId="urn:microsoft.com/office/officeart/2005/8/layout/hProcess7"/>
    <dgm:cxn modelId="{9F8E61BC-611B-4A06-9738-545885466B18}" type="presParOf" srcId="{945F0300-20CE-48D3-AB7E-F48458036502}" destId="{D5497436-12A4-468F-88CD-F390C792361D}" srcOrd="15" destOrd="0" presId="urn:microsoft.com/office/officeart/2005/8/layout/hProcess7"/>
    <dgm:cxn modelId="{6F3BC7BA-BEA9-4715-9417-9915F68E24B2}" type="presParOf" srcId="{945F0300-20CE-48D3-AB7E-F48458036502}" destId="{57A0F18E-D55C-4370-9E31-D0503E640466}" srcOrd="16" destOrd="0" presId="urn:microsoft.com/office/officeart/2005/8/layout/hProcess7"/>
    <dgm:cxn modelId="{6384A298-61EE-49AC-8A5A-E0315E238ED8}" type="presParOf" srcId="{57A0F18E-D55C-4370-9E31-D0503E640466}" destId="{0459CA4B-0FB7-42AB-8469-92CE969D47E0}" srcOrd="0" destOrd="0" presId="urn:microsoft.com/office/officeart/2005/8/layout/hProcess7"/>
    <dgm:cxn modelId="{8E2A1B81-B42F-403F-97DA-F7C744D229F6}" type="presParOf" srcId="{57A0F18E-D55C-4370-9E31-D0503E640466}" destId="{C1590E85-385D-4EE2-9BD9-C04A9736B365}" srcOrd="1" destOrd="0" presId="urn:microsoft.com/office/officeart/2005/8/layout/hProcess7"/>
    <dgm:cxn modelId="{5EF4A544-62FB-4C47-85F3-C46E5419DD01}" type="presParOf" srcId="{57A0F18E-D55C-4370-9E31-D0503E640466}" destId="{40D5F7A3-324D-4595-802E-A7F62C405837}" srcOrd="2" destOrd="0" presId="urn:microsoft.com/office/officeart/2005/8/layout/hProcess7"/>
    <dgm:cxn modelId="{F027A393-5F09-464D-A90E-110EDBDDD1CD}" type="presParOf" srcId="{945F0300-20CE-48D3-AB7E-F48458036502}" destId="{C53440B5-94A8-4D59-83EF-D465D3FA87C3}" srcOrd="17" destOrd="0" presId="urn:microsoft.com/office/officeart/2005/8/layout/hProcess7"/>
    <dgm:cxn modelId="{CD39AA1C-8F06-4B1D-A061-3D8601C1652F}" type="presParOf" srcId="{945F0300-20CE-48D3-AB7E-F48458036502}" destId="{682057DB-CCF6-43D2-885D-EDAE8E2B5BF2}" srcOrd="18" destOrd="0" presId="urn:microsoft.com/office/officeart/2005/8/layout/hProcess7"/>
    <dgm:cxn modelId="{989A27CF-FB2C-4025-965F-4BE141F7D6B3}" type="presParOf" srcId="{682057DB-CCF6-43D2-885D-EDAE8E2B5BF2}" destId="{706F010C-5548-4105-BA80-51FF47F7D351}" srcOrd="0" destOrd="0" presId="urn:microsoft.com/office/officeart/2005/8/layout/hProcess7"/>
    <dgm:cxn modelId="{99900B8D-3965-4E2E-A44E-F43CD1153954}" type="presParOf" srcId="{682057DB-CCF6-43D2-885D-EDAE8E2B5BF2}" destId="{B49A5609-9F71-4BA6-A5E8-BCB549D46B77}" srcOrd="1" destOrd="0" presId="urn:microsoft.com/office/officeart/2005/8/layout/hProcess7"/>
    <dgm:cxn modelId="{C9041E1A-10C5-4F07-9658-5EE1871AC446}" type="presParOf" srcId="{682057DB-CCF6-43D2-885D-EDAE8E2B5BF2}" destId="{CD00D606-BC0B-4A07-B97E-364641A7C82A}" srcOrd="2" destOrd="0" presId="urn:microsoft.com/office/officeart/2005/8/layout/hProcess7"/>
    <dgm:cxn modelId="{96FFD9FF-7315-4A69-A410-10C4C5CADE9D}" type="presParOf" srcId="{945F0300-20CE-48D3-AB7E-F48458036502}" destId="{DC40D9AB-A09B-4054-8BD1-DE97A068E83C}" srcOrd="19" destOrd="0" presId="urn:microsoft.com/office/officeart/2005/8/layout/hProcess7"/>
    <dgm:cxn modelId="{8B0C9AC3-237A-4E44-94DE-6BD20CD3D049}" type="presParOf" srcId="{945F0300-20CE-48D3-AB7E-F48458036502}" destId="{FD3C9A94-13F4-4085-8CB1-3E2928F44378}" srcOrd="20" destOrd="0" presId="urn:microsoft.com/office/officeart/2005/8/layout/hProcess7"/>
    <dgm:cxn modelId="{DD7AA4E2-C34A-4E10-B39E-97C3B38B7360}" type="presParOf" srcId="{FD3C9A94-13F4-4085-8CB1-3E2928F44378}" destId="{AC67CA9B-F60F-4E24-A7C6-257723140982}" srcOrd="0" destOrd="0" presId="urn:microsoft.com/office/officeart/2005/8/layout/hProcess7"/>
    <dgm:cxn modelId="{E819DE0D-4A42-4304-BB8B-6E49E1486903}" type="presParOf" srcId="{FD3C9A94-13F4-4085-8CB1-3E2928F44378}" destId="{47539056-6A93-4905-982E-5657EF6B03B8}" srcOrd="1" destOrd="0" presId="urn:microsoft.com/office/officeart/2005/8/layout/hProcess7"/>
    <dgm:cxn modelId="{746A676C-DC77-47AF-B8B5-26EAE56E4D26}" type="presParOf" srcId="{FD3C9A94-13F4-4085-8CB1-3E2928F44378}" destId="{46537011-2FA0-4F12-BF00-A050414AA8D8}" srcOrd="2" destOrd="0" presId="urn:microsoft.com/office/officeart/2005/8/layout/hProcess7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390F804-FF85-4E1E-89EA-43B9C5A1F867}">
      <dsp:nvSpPr>
        <dsp:cNvPr id="0" name=""/>
        <dsp:cNvSpPr/>
      </dsp:nvSpPr>
      <dsp:spPr>
        <a:xfrm>
          <a:off x="47490" y="351439"/>
          <a:ext cx="1956783" cy="4213785"/>
        </a:xfrm>
        <a:prstGeom prst="roundRect">
          <a:avLst>
            <a:gd name="adj" fmla="val 5000"/>
          </a:avLst>
        </a:prstGeo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72009" rIns="93345" bIns="0" numCol="1" spcCol="1270" anchor="t" anchorCtr="0">
          <a:noAutofit/>
        </a:bodyPr>
        <a:lstStyle/>
        <a:p>
          <a:pPr lvl="0" algn="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b="1" kern="1200" dirty="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May 14 – June 1</a:t>
          </a:r>
          <a:endParaRPr lang="en-US" sz="2100" b="1" kern="1200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sp:txBody>
      <dsp:txXfrm rot="16200000">
        <a:off x="-1484483" y="1883412"/>
        <a:ext cx="3455303" cy="391356"/>
      </dsp:txXfrm>
    </dsp:sp>
    <dsp:sp modelId="{097E7590-B16C-42B3-A27B-9260CADBA327}">
      <dsp:nvSpPr>
        <dsp:cNvPr id="0" name=""/>
        <dsp:cNvSpPr/>
      </dsp:nvSpPr>
      <dsp:spPr>
        <a:xfrm>
          <a:off x="438846" y="351439"/>
          <a:ext cx="1457803" cy="4213785"/>
        </a:xfrm>
        <a:prstGeom prst="rect">
          <a:avLst/>
        </a:prstGeom>
        <a:noFill/>
        <a:ln w="19050" cap="flat" cmpd="sng" algn="ctr">
          <a:noFill/>
          <a:prstDash val="solid"/>
          <a:miter lim="800000"/>
        </a:ln>
        <a:effectLst/>
        <a:sp3d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48006" rIns="0" bIns="0" numCol="1" spcCol="1270" anchor="t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Public Outreach Round III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Open Houses &amp; Online </a:t>
          </a:r>
        </a:p>
      </dsp:txBody>
      <dsp:txXfrm>
        <a:off x="438846" y="351439"/>
        <a:ext cx="1457803" cy="4213785"/>
      </dsp:txXfrm>
    </dsp:sp>
    <dsp:sp modelId="{60BE9846-3508-4D0D-A068-D0038856A4CB}">
      <dsp:nvSpPr>
        <dsp:cNvPr id="0" name=""/>
        <dsp:cNvSpPr/>
      </dsp:nvSpPr>
      <dsp:spPr>
        <a:xfrm>
          <a:off x="2061842" y="334649"/>
          <a:ext cx="1956783" cy="4213785"/>
        </a:xfrm>
        <a:prstGeom prst="roundRect">
          <a:avLst>
            <a:gd name="adj" fmla="val 5000"/>
          </a:avLst>
        </a:prstGeom>
        <a:solidFill>
          <a:schemeClr val="tx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72009" rIns="93345" bIns="0" numCol="1" spcCol="1270" anchor="t" anchorCtr="0">
          <a:noAutofit/>
        </a:bodyPr>
        <a:lstStyle/>
        <a:p>
          <a:pPr lvl="0" algn="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b="1" kern="120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June </a:t>
          </a:r>
          <a:r>
            <a:rPr lang="en-US" sz="2100" b="1" kern="1200" smtClean="0">
              <a:solidFill>
                <a:srgbClr val="FF9900"/>
              </a:solidFill>
              <a:latin typeface="Calibri" panose="020F0502020204030204"/>
              <a:ea typeface="+mn-ea"/>
              <a:cs typeface="+mn-cs"/>
            </a:rPr>
            <a:t>18</a:t>
          </a:r>
          <a:endParaRPr lang="en-US" sz="2100" b="1" kern="1200" dirty="0">
            <a:solidFill>
              <a:srgbClr val="FF9900"/>
            </a:solidFill>
            <a:latin typeface="Calibri" panose="020F0502020204030204"/>
            <a:ea typeface="+mn-ea"/>
            <a:cs typeface="+mn-cs"/>
          </a:endParaRPr>
        </a:p>
      </dsp:txBody>
      <dsp:txXfrm rot="16200000">
        <a:off x="529868" y="1866623"/>
        <a:ext cx="3455303" cy="391356"/>
      </dsp:txXfrm>
    </dsp:sp>
    <dsp:sp modelId="{7A8AF3E9-2CC2-4684-9843-899AE65FF7DB}">
      <dsp:nvSpPr>
        <dsp:cNvPr id="0" name=""/>
        <dsp:cNvSpPr/>
      </dsp:nvSpPr>
      <dsp:spPr>
        <a:xfrm rot="5400000">
          <a:off x="1865462" y="2200472"/>
          <a:ext cx="345013" cy="293517"/>
        </a:xfrm>
        <a:prstGeom prst="flowChartExtract">
          <a:avLst/>
        </a:prstGeom>
        <a:solidFill>
          <a:srgbClr val="FF9900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8BD2E17-0A28-48C5-AD9E-088721A24733}">
      <dsp:nvSpPr>
        <dsp:cNvPr id="0" name=""/>
        <dsp:cNvSpPr/>
      </dsp:nvSpPr>
      <dsp:spPr>
        <a:xfrm>
          <a:off x="2453199" y="334649"/>
          <a:ext cx="1457803" cy="4213785"/>
        </a:xfrm>
        <a:prstGeom prst="rect">
          <a:avLst/>
        </a:prstGeom>
        <a:noFill/>
        <a:ln w="19050" cap="flat" cmpd="sng" algn="ctr">
          <a:noFill/>
          <a:prstDash val="solid"/>
          <a:miter lim="800000"/>
        </a:ln>
        <a:effectLst/>
        <a:sp3d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48006" rIns="0" bIns="0" numCol="1" spcCol="1270" anchor="t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i="0" kern="12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Takeaways from Public Outreach </a:t>
          </a:r>
          <a:r>
            <a:rPr lang="en-US" sz="1400" kern="12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Round III</a:t>
          </a:r>
          <a:endParaRPr lang="en-US" sz="1400" i="0" kern="120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i="0" kern="12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Stakeholders Recommend Plan Revisions</a:t>
          </a:r>
          <a:endParaRPr lang="en-US" sz="1400" i="1" kern="120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1" i="0" u="sng" kern="120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1" i="0" u="sng" kern="1200" dirty="0" smtClean="0">
              <a:solidFill>
                <a:sysClr val="window" lastClr="FFFFFF"/>
              </a:solidFill>
              <a:latin typeface="Calibri" panose="020F0502020204030204"/>
              <a:ea typeface="+mn-ea"/>
              <a:cs typeface="+mn-cs"/>
            </a:rPr>
            <a:t>STAKEHOLDERS COMMITTEE WORK COMPLETE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i="0" kern="120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 dirty="0"/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 dirty="0" smtClean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sp:txBody>
      <dsp:txXfrm>
        <a:off x="2453199" y="334649"/>
        <a:ext cx="1457803" cy="4213785"/>
      </dsp:txXfrm>
    </dsp:sp>
    <dsp:sp modelId="{7D117C16-9071-40CF-8C36-95ED4B11076F}">
      <dsp:nvSpPr>
        <dsp:cNvPr id="0" name=""/>
        <dsp:cNvSpPr/>
      </dsp:nvSpPr>
      <dsp:spPr>
        <a:xfrm>
          <a:off x="4087113" y="334649"/>
          <a:ext cx="1956783" cy="4213785"/>
        </a:xfrm>
        <a:prstGeom prst="roundRect">
          <a:avLst>
            <a:gd name="adj" fmla="val 5000"/>
          </a:avLst>
        </a:prstGeom>
        <a:solidFill>
          <a:schemeClr val="accent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72009" rIns="93345" bIns="0" numCol="1" spcCol="1270" anchor="t" anchorCtr="0">
          <a:noAutofit/>
        </a:bodyPr>
        <a:lstStyle/>
        <a:p>
          <a:pPr lvl="0" algn="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b="1" kern="1200" dirty="0" smtClean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July 19</a:t>
          </a:r>
          <a:endParaRPr lang="en-US" sz="2100" b="1" kern="1200" dirty="0">
            <a:solidFill>
              <a:schemeClr val="tx1"/>
            </a:solidFill>
            <a:latin typeface="Calibri" panose="020F0502020204030204"/>
            <a:ea typeface="+mn-ea"/>
            <a:cs typeface="+mn-cs"/>
          </a:endParaRPr>
        </a:p>
      </dsp:txBody>
      <dsp:txXfrm rot="16200000">
        <a:off x="2555140" y="1866623"/>
        <a:ext cx="3455303" cy="391356"/>
      </dsp:txXfrm>
    </dsp:sp>
    <dsp:sp modelId="{A5F0E527-E669-49DA-84EC-85BDB08F62A4}">
      <dsp:nvSpPr>
        <dsp:cNvPr id="0" name=""/>
        <dsp:cNvSpPr/>
      </dsp:nvSpPr>
      <dsp:spPr>
        <a:xfrm rot="5400000">
          <a:off x="3890733" y="2200472"/>
          <a:ext cx="345013" cy="293517"/>
        </a:xfrm>
        <a:prstGeom prst="flowChartExtract">
          <a:avLst/>
        </a:prstGeom>
        <a:solidFill>
          <a:srgbClr val="FF9900"/>
        </a:solidFill>
        <a:ln w="12700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DBEAFCD-1445-4A59-AA0C-BF8DB8B27E1D}">
      <dsp:nvSpPr>
        <dsp:cNvPr id="0" name=""/>
        <dsp:cNvSpPr/>
      </dsp:nvSpPr>
      <dsp:spPr>
        <a:xfrm>
          <a:off x="4478470" y="334649"/>
          <a:ext cx="1457803" cy="4213785"/>
        </a:xfrm>
        <a:prstGeom prst="rect">
          <a:avLst/>
        </a:prstGeom>
        <a:noFill/>
        <a:ln w="19050" cap="flat" cmpd="sng" algn="ctr">
          <a:noFill/>
          <a:prstDash val="solid"/>
          <a:miter lim="800000"/>
        </a:ln>
        <a:effectLst/>
        <a:sp3d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51435" rIns="0" bIns="0" numCol="1" spcCol="1270" anchor="t" anchorCtr="0">
          <a:noAutofit/>
        </a:bodyPr>
        <a:lstStyle/>
        <a:p>
          <a:pPr lvl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50" i="0" kern="120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Board of Supervisors Business Meeting Presentation</a:t>
          </a:r>
        </a:p>
      </dsp:txBody>
      <dsp:txXfrm>
        <a:off x="4478470" y="334649"/>
        <a:ext cx="1457803" cy="4213785"/>
      </dsp:txXfrm>
    </dsp:sp>
    <dsp:sp modelId="{AF0FCADA-4F83-4C74-87AD-EE65E4A8765F}">
      <dsp:nvSpPr>
        <dsp:cNvPr id="0" name=""/>
        <dsp:cNvSpPr/>
      </dsp:nvSpPr>
      <dsp:spPr>
        <a:xfrm>
          <a:off x="6112384" y="334649"/>
          <a:ext cx="1956783" cy="4213785"/>
        </a:xfrm>
        <a:prstGeom prst="roundRect">
          <a:avLst>
            <a:gd name="adj" fmla="val 5000"/>
          </a:avLst>
        </a:prstGeom>
        <a:solidFill>
          <a:schemeClr val="accent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68580" rIns="88900" bIns="0" numCol="1" spcCol="1270" anchor="t" anchorCtr="0">
          <a:noAutofit/>
        </a:bodyPr>
        <a:lstStyle/>
        <a:p>
          <a:pPr lvl="0" algn="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b="1" kern="1200" dirty="0" smtClean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August - November</a:t>
          </a:r>
          <a:endParaRPr lang="en-US" sz="2000" b="1" kern="1200" dirty="0">
            <a:solidFill>
              <a:schemeClr val="tx1"/>
            </a:solidFill>
            <a:latin typeface="Calibri" panose="020F0502020204030204"/>
            <a:ea typeface="+mn-ea"/>
            <a:cs typeface="+mn-cs"/>
          </a:endParaRPr>
        </a:p>
      </dsp:txBody>
      <dsp:txXfrm rot="16200000">
        <a:off x="4580411" y="1866623"/>
        <a:ext cx="3455303" cy="391356"/>
      </dsp:txXfrm>
    </dsp:sp>
    <dsp:sp modelId="{E8E2CD7C-7E4D-4B62-B697-2BB02B2FCFCC}">
      <dsp:nvSpPr>
        <dsp:cNvPr id="0" name=""/>
        <dsp:cNvSpPr/>
      </dsp:nvSpPr>
      <dsp:spPr>
        <a:xfrm rot="5400000">
          <a:off x="5916005" y="2200472"/>
          <a:ext cx="345013" cy="293517"/>
        </a:xfrm>
        <a:prstGeom prst="flowChartExtract">
          <a:avLst/>
        </a:prstGeom>
        <a:solidFill>
          <a:schemeClr val="tx1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E5D25A3-739F-488C-B632-DE0580B85A86}">
      <dsp:nvSpPr>
        <dsp:cNvPr id="0" name=""/>
        <dsp:cNvSpPr/>
      </dsp:nvSpPr>
      <dsp:spPr>
        <a:xfrm>
          <a:off x="6503741" y="334649"/>
          <a:ext cx="1457803" cy="4213785"/>
        </a:xfrm>
        <a:prstGeom prst="rect">
          <a:avLst/>
        </a:prstGeom>
        <a:noFill/>
        <a:ln w="19050" cap="flat" cmpd="sng" algn="ctr">
          <a:noFill/>
          <a:prstDash val="solid"/>
          <a:miter lim="800000"/>
        </a:ln>
        <a:effectLst/>
        <a:sp3d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48006" rIns="0" bIns="0" numCol="1" spcCol="1270" anchor="t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i="0" kern="120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Planning Commission Deliberations</a:t>
          </a:r>
          <a:endParaRPr lang="en-US" sz="1400" b="1" i="1" u="sng" kern="1200" dirty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  <a:p>
          <a:pPr lvl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50" kern="1200" dirty="0" smtClean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</dsp:txBody>
      <dsp:txXfrm>
        <a:off x="6503741" y="334649"/>
        <a:ext cx="1457803" cy="4213785"/>
      </dsp:txXfrm>
    </dsp:sp>
    <dsp:sp modelId="{0459CA4B-0FB7-42AB-8469-92CE969D47E0}">
      <dsp:nvSpPr>
        <dsp:cNvPr id="0" name=""/>
        <dsp:cNvSpPr/>
      </dsp:nvSpPr>
      <dsp:spPr>
        <a:xfrm>
          <a:off x="8117031" y="344958"/>
          <a:ext cx="1956783" cy="4213785"/>
        </a:xfrm>
        <a:prstGeom prst="roundRect">
          <a:avLst>
            <a:gd name="adj" fmla="val 5000"/>
          </a:avLst>
        </a:prstGeom>
        <a:solidFill>
          <a:schemeClr val="accent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65151" rIns="84455" bIns="0" numCol="1" spcCol="1270" anchor="t" anchorCtr="0">
          <a:noAutofit/>
        </a:bodyPr>
        <a:lstStyle/>
        <a:p>
          <a:pPr lvl="0" algn="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December - March</a:t>
          </a:r>
          <a:endParaRPr lang="en-US" sz="1900" b="1" kern="1200" dirty="0">
            <a:solidFill>
              <a:schemeClr val="tx1"/>
            </a:solidFill>
            <a:latin typeface="Calibri" panose="020F0502020204030204"/>
            <a:ea typeface="+mn-ea"/>
            <a:cs typeface="+mn-cs"/>
          </a:endParaRPr>
        </a:p>
      </dsp:txBody>
      <dsp:txXfrm rot="16200000">
        <a:off x="6585058" y="1876931"/>
        <a:ext cx="3455303" cy="391356"/>
      </dsp:txXfrm>
    </dsp:sp>
    <dsp:sp modelId="{50232989-C6F4-4E7A-B962-DFD929347658}">
      <dsp:nvSpPr>
        <dsp:cNvPr id="0" name=""/>
        <dsp:cNvSpPr/>
      </dsp:nvSpPr>
      <dsp:spPr>
        <a:xfrm rot="5400000">
          <a:off x="7941276" y="2200472"/>
          <a:ext cx="345013" cy="293517"/>
        </a:xfrm>
        <a:prstGeom prst="flowChartExtract">
          <a:avLst/>
        </a:prstGeom>
        <a:solidFill>
          <a:schemeClr val="tx1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0D5F7A3-324D-4595-802E-A7F62C405837}">
      <dsp:nvSpPr>
        <dsp:cNvPr id="0" name=""/>
        <dsp:cNvSpPr/>
      </dsp:nvSpPr>
      <dsp:spPr>
        <a:xfrm>
          <a:off x="8508388" y="344958"/>
          <a:ext cx="1457803" cy="4213785"/>
        </a:xfrm>
        <a:prstGeom prst="rect">
          <a:avLst/>
        </a:prstGeom>
        <a:noFill/>
        <a:ln w="19050" cap="flat" cmpd="sng" algn="ctr">
          <a:noFill/>
          <a:prstDash val="solid"/>
          <a:miter lim="800000"/>
        </a:ln>
        <a:effectLst/>
        <a:sp3d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51435" rIns="0" bIns="0" numCol="1" spcCol="1270" anchor="t" anchorCtr="0">
          <a:noAutofit/>
        </a:bodyPr>
        <a:lstStyle/>
        <a:p>
          <a:pPr lvl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50" i="0" kern="120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Board of Supervisors Deliberations</a:t>
          </a:r>
          <a:endParaRPr lang="en-US" sz="1450" kern="120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pPr lvl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50" kern="1200" dirty="0">
            <a:solidFill>
              <a:schemeClr val="bg1"/>
            </a:solidFill>
            <a:latin typeface="Calibri" panose="020F0502020204030204"/>
            <a:ea typeface="+mn-ea"/>
            <a:cs typeface="+mn-cs"/>
          </a:endParaRPr>
        </a:p>
        <a:p>
          <a:pPr lvl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50" i="0" kern="120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  <a:p>
          <a:pPr lvl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50" kern="120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sp:txBody>
      <dsp:txXfrm>
        <a:off x="8508388" y="344958"/>
        <a:ext cx="1457803" cy="4213785"/>
      </dsp:txXfrm>
    </dsp:sp>
    <dsp:sp modelId="{AC67CA9B-F60F-4E24-A7C6-257723140982}">
      <dsp:nvSpPr>
        <dsp:cNvPr id="0" name=""/>
        <dsp:cNvSpPr/>
      </dsp:nvSpPr>
      <dsp:spPr>
        <a:xfrm>
          <a:off x="10095614" y="334649"/>
          <a:ext cx="1956783" cy="4213785"/>
        </a:xfrm>
        <a:prstGeom prst="roundRect">
          <a:avLst>
            <a:gd name="adj" fmla="val 5000"/>
          </a:avLst>
        </a:prstGeom>
        <a:solidFill>
          <a:schemeClr val="accent1"/>
        </a:solidFill>
        <a:ln w="1905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65151" rIns="84455" bIns="0" numCol="1" spcCol="1270" anchor="t" anchorCtr="0">
          <a:noAutofit/>
        </a:bodyPr>
        <a:lstStyle/>
        <a:p>
          <a:pPr lvl="0" algn="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900" b="1" kern="1200" dirty="0" smtClean="0">
              <a:solidFill>
                <a:schemeClr val="tx1"/>
              </a:solidFill>
              <a:latin typeface="Calibri" panose="020F0502020204030204"/>
              <a:ea typeface="+mn-ea"/>
              <a:cs typeface="+mn-cs"/>
            </a:rPr>
            <a:t>March</a:t>
          </a:r>
          <a:endParaRPr lang="en-US" sz="1900" b="1" kern="1200" dirty="0">
            <a:solidFill>
              <a:schemeClr val="tx1"/>
            </a:solidFill>
            <a:latin typeface="Calibri" panose="020F0502020204030204"/>
            <a:ea typeface="+mn-ea"/>
            <a:cs typeface="+mn-cs"/>
          </a:endParaRPr>
        </a:p>
      </dsp:txBody>
      <dsp:txXfrm rot="16200000">
        <a:off x="8563640" y="1866623"/>
        <a:ext cx="3455303" cy="391356"/>
      </dsp:txXfrm>
    </dsp:sp>
    <dsp:sp modelId="{B49A5609-9F71-4BA6-A5E8-BCB549D46B77}">
      <dsp:nvSpPr>
        <dsp:cNvPr id="0" name=""/>
        <dsp:cNvSpPr/>
      </dsp:nvSpPr>
      <dsp:spPr>
        <a:xfrm rot="5400000">
          <a:off x="9966547" y="2200472"/>
          <a:ext cx="345013" cy="293517"/>
        </a:xfrm>
        <a:prstGeom prst="flowChartExtract">
          <a:avLst/>
        </a:prstGeom>
        <a:solidFill>
          <a:schemeClr val="tx1"/>
        </a:solidFill>
        <a:ln w="12700" cap="flat" cmpd="sng" algn="ctr">
          <a:solidFill>
            <a:srgbClr val="FFC00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6537011-2FA0-4F12-BF00-A050414AA8D8}">
      <dsp:nvSpPr>
        <dsp:cNvPr id="0" name=""/>
        <dsp:cNvSpPr/>
      </dsp:nvSpPr>
      <dsp:spPr>
        <a:xfrm>
          <a:off x="10486970" y="334649"/>
          <a:ext cx="1457803" cy="4213785"/>
        </a:xfrm>
        <a:prstGeom prst="rect">
          <a:avLst/>
        </a:prstGeom>
        <a:noFill/>
        <a:ln w="19050" cap="flat" cmpd="sng" algn="ctr">
          <a:noFill/>
          <a:prstDash val="solid"/>
          <a:miter lim="800000"/>
        </a:ln>
        <a:effectLst/>
        <a:sp3d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0" tIns="51435" rIns="0" bIns="0" numCol="1" spcCol="1270" anchor="t" anchorCtr="0">
          <a:noAutofit/>
        </a:bodyPr>
        <a:lstStyle/>
        <a:p>
          <a:pPr lvl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50" i="0" kern="120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Board of Supervisors Endorse Plan </a:t>
          </a:r>
        </a:p>
        <a:p>
          <a:pPr lvl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50" i="0" kern="1200" dirty="0" smtClean="0">
              <a:solidFill>
                <a:schemeClr val="bg1"/>
              </a:solidFill>
              <a:latin typeface="Calibri" panose="020F0502020204030204"/>
              <a:ea typeface="+mn-ea"/>
              <a:cs typeface="+mn-cs"/>
            </a:rPr>
            <a:t>VDOT Review Begins</a:t>
          </a:r>
          <a:endParaRPr lang="en-US" sz="1450" kern="1200" dirty="0">
            <a:solidFill>
              <a:sysClr val="window" lastClr="FFFFFF"/>
            </a:solidFill>
            <a:latin typeface="Calibri" panose="020F0502020204030204"/>
            <a:ea typeface="+mn-ea"/>
            <a:cs typeface="+mn-cs"/>
          </a:endParaRPr>
        </a:p>
      </dsp:txBody>
      <dsp:txXfrm>
        <a:off x="10486970" y="334649"/>
        <a:ext cx="1457803" cy="4213785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7">
  <dgm:title val=""/>
  <dgm:desc val=""/>
  <dgm:catLst>
    <dgm:cat type="process" pri="21000"/>
    <dgm:cat type="list" pri="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23" srcId="2" destId="21" srcOrd="0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Node" refType="h"/>
      <dgm:constr type="w" for="ch" forName="compositeNode" refType="w"/>
      <dgm:constr type="w" for="ch" forName="hSp" refType="w" refFor="ch" refForName="compositeNode" fact="-0.035"/>
      <dgm:constr type="w" for="des" forName="simulatedConn" refType="w" refFor="ch" refForName="compositeNode" fact="0.15"/>
      <dgm:constr type="h" for="des" forName="simulatedConn" refType="w" refFor="des" refForName="simulatedConn"/>
      <dgm:constr type="h" for="des" forName="vSp1" refType="w" refFor="ch" refForName="compositeNode" fact="0.8"/>
      <dgm:constr type="h" for="des" forName="vSp2" refType="w" refFor="ch" refForName="compositeNode" fact="0.07"/>
      <dgm:constr type="w" for="ch" forName="vProcSp" refType="w" refFor="des" refForName="simulatedConn" op="equ"/>
      <dgm:constr type="h" for="ch" forName="vProcSp" refType="h" refFor="ch" refForName="compositeNode" op="equ"/>
      <dgm:constr type="w" for="ch" forName="sibTrans" refType="w" refFor="ch" refForName="compositeNode" fact="-0.08"/>
      <dgm:constr type="primFontSz" for="des" forName="parentNode" op="equ"/>
      <dgm:constr type="primFontSz" for="des" forName="childNode" op="equ"/>
    </dgm:constrLst>
    <dgm:ruleLst/>
    <dgm:forEach name="Name4" axis="ch" ptType="node">
      <dgm:layoutNode name="compositeNode">
        <dgm:varLst>
          <dgm:bulletEnabled val="1"/>
        </dgm:varLst>
        <dgm:alg type="composite"/>
        <dgm:choose name="Name5">
          <dgm:if name="Name6" func="var" arg="dir" op="equ" val="norm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l" for="ch" forName="bgRect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l" for="ch" forName="parentNode"/>
              <dgm:constr type="r" for="ch" forName="childNode" refType="r" refFor="ch" refForName="bgRect" fact="0.945"/>
              <dgm:constr type="h" for="ch" forName="childNode" refType="h" refFor="ch" refForName="bgRect" op="equ"/>
              <dgm:constr type="t" for="ch" forName="childNode"/>
              <dgm:constr type="l" for="ch" forName="childNode" refType="r" refFor="ch" refForName="parentNode"/>
            </dgm:constrLst>
          </dgm:if>
          <dgm:else name="Name7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r" for="ch" forName="bgRect" refType="w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r" for="ch" forName="parentNode" refType="w"/>
              <dgm:constr type="h" for="ch" forName="childNode" refType="h" refFor="ch" refForName="bgRect"/>
              <dgm:constr type="t" for="ch" forName="childNode"/>
              <dgm:constr type="r" for="ch" forName="childNode" refType="l" refFor="ch" refForName="parentNode"/>
              <dgm:constr type="l" for="ch" forName="childNode" refType="w" refFor="ch" refForName="bgRect" fact="0.055"/>
            </dgm:constrLst>
          </dgm:else>
        </dgm:choose>
        <dgm:ruleLst>
          <dgm:rule type="w" for="ch" forName="childNode" val="NaN" fact="NaN" max="30"/>
        </dgm:ruleLst>
        <dgm:layoutNode name="bgRect" styleLbl="node1">
          <dgm:alg type="sp"/>
          <dgm:shape xmlns:r="http://schemas.openxmlformats.org/officeDocument/2006/relationships" type="roundRect" r:blip="" zOrderOff="-1">
            <dgm:adjLst>
              <dgm:adj idx="1" val="0.05"/>
            </dgm:adjLst>
          </dgm:shape>
          <dgm:presOf axis="self"/>
          <dgm:constrLst/>
          <dgm:ruleLst/>
        </dgm:layoutNode>
        <dgm:layoutNode name="parentNode" styleLbl="node1">
          <dgm:varLst>
            <dgm:chMax val="0"/>
            <dgm:bulletEnabled val="1"/>
          </dgm:varLst>
          <dgm:presOf axis="self"/>
          <dgm:choose name="Name8">
            <dgm:if name="Name9" func="var" arg="dir" op="equ" val="norm">
              <dgm:alg type="tx">
                <dgm:param type="autoTxRot" val="grav"/>
                <dgm:param type="txAnchorVert" val="t"/>
                <dgm:param type="parTxLTRAlign" val="r"/>
                <dgm:param type="parTxRTLAlign" val="r"/>
              </dgm:alg>
              <dgm:shape xmlns:r="http://schemas.openxmlformats.org/officeDocument/2006/relationships" rot="270" type="rect" r:blip="" hideGeom="1">
                <dgm:adjLst/>
              </dgm:shape>
              <dgm:constrLst>
                <dgm:constr type="primFontSz" val="65"/>
                <dgm:constr type="lMarg"/>
                <dgm:constr type="rMarg" refType="primFontSz" fact="0.35"/>
                <dgm:constr type="tMarg" refType="primFontSz" fact="0.27"/>
                <dgm:constr type="bMarg"/>
              </dgm:constrLst>
            </dgm:if>
            <dgm:else name="Name10">
              <dgm:alg type="tx">
                <dgm:param type="autoTxRot" val="grav"/>
                <dgm:param type="txAnchorVert" val="t"/>
                <dgm:param type="parTxLTRAlign" val="l"/>
                <dgm:param type="parTxRTLAlign" val="l"/>
              </dgm:alg>
              <dgm:shape xmlns:r="http://schemas.openxmlformats.org/officeDocument/2006/relationships" rot="90" type="rect" r:blip="" hideGeom="1">
                <dgm:adjLst/>
              </dgm:shape>
              <dgm:constrLst>
                <dgm:constr type="primFontSz" val="65"/>
                <dgm:constr type="lMarg" refType="primFontSz" fact="0.35"/>
                <dgm:constr type="rMarg"/>
                <dgm:constr type="tMarg" refType="primFontSz" fact="0.27"/>
                <dgm:constr type="bMarg"/>
              </dgm:constrLst>
            </dgm:else>
          </dgm:choose>
          <dgm:ruleLst>
            <dgm:rule type="primFontSz" val="5" fact="NaN" max="NaN"/>
          </dgm:ruleLst>
        </dgm:layoutNode>
        <dgm:choose name="Name11">
          <dgm:if name="Name12" axis="ch" ptType="node" func="cnt" op="gte" val="1">
            <dgm:layoutNode name="childNode" styleLbl="node1" moveWith="bgRect">
              <dgm:varLst>
                <dgm:bulletEnabled val="1"/>
              </dgm:varLst>
              <dgm:alg type="tx">
                <dgm:param type="parTxLTRAlign" val="l"/>
                <dgm:param type="parTxRTLAlign" val="r"/>
                <dgm:param type="txAnchorVert" val="t"/>
              </dgm:alg>
              <dgm:shape xmlns:r="http://schemas.openxmlformats.org/officeDocument/2006/relationships" type="rect" r:blip="" hideGeom="1">
                <dgm:adjLst/>
              </dgm:shape>
              <dgm:presOf axis="des" ptType="node"/>
              <dgm:constrLst>
                <dgm:constr type="primFontSz" val="65"/>
                <dgm:constr type="lMarg"/>
                <dgm:constr type="bMarg"/>
                <dgm:constr type="tMarg" refType="primFontSz" fact="0.27"/>
                <dgm:constr type="rMarg"/>
              </dgm:constrLst>
              <dgm:ruleLst>
                <dgm:rule type="prim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h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vProcSp" moveWith="bgRect">
          <dgm:alg type="lin">
            <dgm:param type="linDir" val="fromT"/>
          </dgm:alg>
          <dgm:shape xmlns:r="http://schemas.openxmlformats.org/officeDocument/2006/relationships" r:blip="">
            <dgm:adjLst/>
          </dgm:shape>
          <dgm:presOf/>
          <dgm:constrLst>
            <dgm:constr type="w" for="ch" forName="vSp1" refType="w"/>
            <dgm:constr type="w" for="ch" forName="simulatedConn" refType="w"/>
            <dgm:constr type="w" for="ch" forName="vSp2" refType="w"/>
          </dgm:constrLst>
          <dgm:ruleLst/>
          <dgm:layoutNode name="vSp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simulatedConn" styleLbl="solidFgAcc1">
            <dgm:alg type="sp"/>
            <dgm:choose name="Name15">
              <dgm:if name="Name16" func="var" arg="dir" op="equ" val="norm">
                <dgm:shape xmlns:r="http://schemas.openxmlformats.org/officeDocument/2006/relationships" rot="90" type="flowChartExtract" r:blip="">
                  <dgm:adjLst/>
                </dgm:shape>
              </dgm:if>
              <dgm:else name="Name17">
                <dgm:shape xmlns:r="http://schemas.openxmlformats.org/officeDocument/2006/relationships" rot="-90" type="flowChartExtract" r:blip="">
                  <dgm:adjLst/>
                </dgm:shape>
              </dgm:else>
            </dgm:choose>
            <dgm:presOf/>
            <dgm:constrLst/>
            <dgm:ruleLst/>
          </dgm:layoutNode>
          <dgm:layoutNode name="vSp2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7">
  <dgm:title val=""/>
  <dgm:desc val=""/>
  <dgm:catLst>
    <dgm:cat type="process" pri="21000"/>
    <dgm:cat type="list" pri="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23" srcId="2" destId="21" srcOrd="0" destOrd="0"/>
        <dgm:cxn modelId="33" srcId="3" destId="31" srcOrd="0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L"/>
          <dgm:param type="nodeVertAlign" val="t"/>
        </dgm:alg>
      </dgm:if>
      <dgm:else name="Name3">
        <dgm:alg type="lin">
          <dgm:param type="linDir" val="fromR"/>
          <dgm:param type="nodeVertAlign" val="t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Node" refType="h"/>
      <dgm:constr type="w" for="ch" forName="compositeNode" refType="w"/>
      <dgm:constr type="w" for="ch" forName="hSp" refType="w" refFor="ch" refForName="compositeNode" fact="-0.035"/>
      <dgm:constr type="w" for="des" forName="simulatedConn" refType="w" refFor="ch" refForName="compositeNode" fact="0.15"/>
      <dgm:constr type="h" for="des" forName="simulatedConn" refType="w" refFor="des" refForName="simulatedConn"/>
      <dgm:constr type="h" for="des" forName="vSp1" refType="w" refFor="ch" refForName="compositeNode" fact="0.8"/>
      <dgm:constr type="h" for="des" forName="vSp2" refType="w" refFor="ch" refForName="compositeNode" fact="0.07"/>
      <dgm:constr type="w" for="ch" forName="vProcSp" refType="w" refFor="des" refForName="simulatedConn" op="equ"/>
      <dgm:constr type="h" for="ch" forName="vProcSp" refType="h" refFor="ch" refForName="compositeNode" op="equ"/>
      <dgm:constr type="w" for="ch" forName="sibTrans" refType="w" refFor="ch" refForName="compositeNode" fact="-0.08"/>
      <dgm:constr type="primFontSz" for="des" forName="parentNode" op="equ"/>
      <dgm:constr type="primFontSz" for="des" forName="childNode" op="equ"/>
    </dgm:constrLst>
    <dgm:ruleLst/>
    <dgm:forEach name="Name4" axis="ch" ptType="node">
      <dgm:layoutNode name="compositeNode">
        <dgm:varLst>
          <dgm:bulletEnabled val="1"/>
        </dgm:varLst>
        <dgm:alg type="composite"/>
        <dgm:choose name="Name5">
          <dgm:if name="Name6" func="var" arg="dir" op="equ" val="norm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l" for="ch" forName="bgRect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l" for="ch" forName="parentNode"/>
              <dgm:constr type="r" for="ch" forName="childNode" refType="r" refFor="ch" refForName="bgRect" fact="0.945"/>
              <dgm:constr type="h" for="ch" forName="childNode" refType="h" refFor="ch" refForName="bgRect" op="equ"/>
              <dgm:constr type="t" for="ch" forName="childNode"/>
              <dgm:constr type="l" for="ch" forName="childNode" refType="r" refFor="ch" refForName="parentNode"/>
            </dgm:constrLst>
          </dgm:if>
          <dgm:else name="Name7">
            <dgm:constrLst>
              <dgm:constr type="h" refType="w" op="lte" fact="1.2"/>
              <dgm:constr type="w" for="ch" forName="bgRect" refType="w"/>
              <dgm:constr type="h" for="ch" forName="bgRect" refType="h"/>
              <dgm:constr type="t" for="ch" forName="bgRect"/>
              <dgm:constr type="r" for="ch" forName="bgRect" refType="w"/>
              <dgm:constr type="w" for="ch" forName="parentNode" refType="w" refFor="ch" refForName="bgRect" fact="0.2"/>
              <dgm:constr type="h" for="ch" forName="parentNode" refType="h" fact="0.82"/>
              <dgm:constr type="t" for="ch" forName="parentNode"/>
              <dgm:constr type="r" for="ch" forName="parentNode" refType="w"/>
              <dgm:constr type="h" for="ch" forName="childNode" refType="h" refFor="ch" refForName="bgRect"/>
              <dgm:constr type="t" for="ch" forName="childNode"/>
              <dgm:constr type="r" for="ch" forName="childNode" refType="l" refFor="ch" refForName="parentNode"/>
              <dgm:constr type="l" for="ch" forName="childNode" refType="w" refFor="ch" refForName="bgRect" fact="0.055"/>
            </dgm:constrLst>
          </dgm:else>
        </dgm:choose>
        <dgm:ruleLst>
          <dgm:rule type="w" for="ch" forName="childNode" val="NaN" fact="NaN" max="30"/>
        </dgm:ruleLst>
        <dgm:layoutNode name="bgRect" styleLbl="node1">
          <dgm:alg type="sp"/>
          <dgm:shape xmlns:r="http://schemas.openxmlformats.org/officeDocument/2006/relationships" type="roundRect" r:blip="" zOrderOff="-1">
            <dgm:adjLst>
              <dgm:adj idx="1" val="0.05"/>
            </dgm:adjLst>
          </dgm:shape>
          <dgm:presOf axis="self"/>
          <dgm:constrLst/>
          <dgm:ruleLst/>
        </dgm:layoutNode>
        <dgm:layoutNode name="parentNode" styleLbl="node1">
          <dgm:varLst>
            <dgm:chMax val="0"/>
            <dgm:bulletEnabled val="1"/>
          </dgm:varLst>
          <dgm:presOf axis="self"/>
          <dgm:choose name="Name8">
            <dgm:if name="Name9" func="var" arg="dir" op="equ" val="norm">
              <dgm:alg type="tx">
                <dgm:param type="autoTxRot" val="grav"/>
                <dgm:param type="txAnchorVert" val="t"/>
                <dgm:param type="parTxLTRAlign" val="r"/>
                <dgm:param type="parTxRTLAlign" val="r"/>
              </dgm:alg>
              <dgm:shape xmlns:r="http://schemas.openxmlformats.org/officeDocument/2006/relationships" rot="270" type="rect" r:blip="" hideGeom="1">
                <dgm:adjLst/>
              </dgm:shape>
              <dgm:constrLst>
                <dgm:constr type="primFontSz" val="65"/>
                <dgm:constr type="lMarg"/>
                <dgm:constr type="rMarg" refType="primFontSz" fact="0.35"/>
                <dgm:constr type="tMarg" refType="primFontSz" fact="0.27"/>
                <dgm:constr type="bMarg"/>
              </dgm:constrLst>
            </dgm:if>
            <dgm:else name="Name10">
              <dgm:alg type="tx">
                <dgm:param type="autoTxRot" val="grav"/>
                <dgm:param type="txAnchorVert" val="t"/>
                <dgm:param type="parTxLTRAlign" val="l"/>
                <dgm:param type="parTxRTLAlign" val="l"/>
              </dgm:alg>
              <dgm:shape xmlns:r="http://schemas.openxmlformats.org/officeDocument/2006/relationships" rot="90" type="rect" r:blip="" hideGeom="1">
                <dgm:adjLst/>
              </dgm:shape>
              <dgm:constrLst>
                <dgm:constr type="primFontSz" val="65"/>
                <dgm:constr type="lMarg" refType="primFontSz" fact="0.35"/>
                <dgm:constr type="rMarg"/>
                <dgm:constr type="tMarg" refType="primFontSz" fact="0.27"/>
                <dgm:constr type="bMarg"/>
              </dgm:constrLst>
            </dgm:else>
          </dgm:choose>
          <dgm:ruleLst>
            <dgm:rule type="primFontSz" val="5" fact="NaN" max="NaN"/>
          </dgm:ruleLst>
        </dgm:layoutNode>
        <dgm:choose name="Name11">
          <dgm:if name="Name12" axis="ch" ptType="node" func="cnt" op="gte" val="1">
            <dgm:layoutNode name="childNode" styleLbl="node1" moveWith="bgRect">
              <dgm:varLst>
                <dgm:bulletEnabled val="1"/>
              </dgm:varLst>
              <dgm:alg type="tx">
                <dgm:param type="parTxLTRAlign" val="l"/>
                <dgm:param type="parTxRTLAlign" val="r"/>
                <dgm:param type="txAnchorVert" val="t"/>
              </dgm:alg>
              <dgm:shape xmlns:r="http://schemas.openxmlformats.org/officeDocument/2006/relationships" type="rect" r:blip="" hideGeom="1">
                <dgm:adjLst/>
              </dgm:shape>
              <dgm:presOf axis="des" ptType="node"/>
              <dgm:constrLst>
                <dgm:constr type="primFontSz" val="65"/>
                <dgm:constr type="lMarg"/>
                <dgm:constr type="bMarg"/>
                <dgm:constr type="tMarg" refType="primFontSz" fact="0.27"/>
                <dgm:constr type="rMarg"/>
              </dgm:constrLst>
              <dgm:ruleLst>
                <dgm:rule type="prim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h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vProcSp" moveWith="bgRect">
          <dgm:alg type="lin">
            <dgm:param type="linDir" val="fromT"/>
          </dgm:alg>
          <dgm:shape xmlns:r="http://schemas.openxmlformats.org/officeDocument/2006/relationships" r:blip="">
            <dgm:adjLst/>
          </dgm:shape>
          <dgm:presOf/>
          <dgm:constrLst>
            <dgm:constr type="w" for="ch" forName="vSp1" refType="w"/>
            <dgm:constr type="w" for="ch" forName="simulatedConn" refType="w"/>
            <dgm:constr type="w" for="ch" forName="vSp2" refType="w"/>
          </dgm:constrLst>
          <dgm:ruleLst/>
          <dgm:layoutNode name="vSp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simulatedConn" styleLbl="solidFgAcc1">
            <dgm:alg type="sp"/>
            <dgm:choose name="Name15">
              <dgm:if name="Name16" func="var" arg="dir" op="equ" val="norm">
                <dgm:shape xmlns:r="http://schemas.openxmlformats.org/officeDocument/2006/relationships" rot="90" type="flowChartExtract" r:blip="">
                  <dgm:adjLst/>
                </dgm:shape>
              </dgm:if>
              <dgm:else name="Name17">
                <dgm:shape xmlns:r="http://schemas.openxmlformats.org/officeDocument/2006/relationships" rot="-90" type="flowChartExtract" r:blip="">
                  <dgm:adjLst/>
                </dgm:shape>
              </dgm:else>
            </dgm:choose>
            <dgm:presOf/>
            <dgm:constrLst/>
            <dgm:ruleLst/>
          </dgm:layoutNode>
          <dgm:layoutNode name="vSp2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043238" cy="466725"/>
          </a:xfrm>
          <a:prstGeom prst="rect">
            <a:avLst/>
          </a:prstGeom>
        </p:spPr>
        <p:txBody>
          <a:bodyPr vert="horz" lIns="91419" tIns="45710" rIns="91419" bIns="4571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8275" y="1"/>
            <a:ext cx="3043238" cy="466725"/>
          </a:xfrm>
          <a:prstGeom prst="rect">
            <a:avLst/>
          </a:prstGeom>
        </p:spPr>
        <p:txBody>
          <a:bodyPr vert="horz" lIns="91419" tIns="45710" rIns="91419" bIns="45710" rtlCol="0"/>
          <a:lstStyle>
            <a:lvl1pPr algn="r">
              <a:defRPr sz="1200"/>
            </a:lvl1pPr>
          </a:lstStyle>
          <a:p>
            <a:fld id="{24DD8302-515B-4734-A89C-3346F162E4AF}" type="datetimeFigureOut">
              <a:rPr lang="en-US" smtClean="0"/>
              <a:t>2/20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9138" y="1163638"/>
            <a:ext cx="5584825" cy="31416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19" tIns="45710" rIns="91419" bIns="4571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677" y="4479926"/>
            <a:ext cx="5619750" cy="3665538"/>
          </a:xfrm>
          <a:prstGeom prst="rect">
            <a:avLst/>
          </a:prstGeom>
        </p:spPr>
        <p:txBody>
          <a:bodyPr vert="horz" lIns="91419" tIns="45710" rIns="91419" bIns="4571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42376"/>
            <a:ext cx="3043238" cy="466725"/>
          </a:xfrm>
          <a:prstGeom prst="rect">
            <a:avLst/>
          </a:prstGeom>
        </p:spPr>
        <p:txBody>
          <a:bodyPr vert="horz" lIns="91419" tIns="45710" rIns="91419" bIns="4571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8275" y="8842376"/>
            <a:ext cx="3043238" cy="466725"/>
          </a:xfrm>
          <a:prstGeom prst="rect">
            <a:avLst/>
          </a:prstGeom>
        </p:spPr>
        <p:txBody>
          <a:bodyPr vert="horz" lIns="91419" tIns="45710" rIns="91419" bIns="45710" rtlCol="0" anchor="b"/>
          <a:lstStyle>
            <a:lvl1pPr algn="r">
              <a:defRPr sz="1200"/>
            </a:lvl1pPr>
          </a:lstStyle>
          <a:p>
            <a:fld id="{28B112F0-1C9B-4E87-8E97-A2D92807CF6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45960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4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5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5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5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5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6333524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154072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115478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7097930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974791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530396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214759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781092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83123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57579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10360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071658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6229898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 fontAlgn="ctr"/>
            <a:r>
              <a:rPr lang="en-US" dirty="0"/>
              <a:t>Reminder of the Policy Structure of the Plan has been revised</a:t>
            </a:r>
          </a:p>
          <a:p>
            <a:pPr fontAlgn="ctr"/>
            <a:r>
              <a:rPr lang="en-US" dirty="0"/>
              <a:t>These have not changed</a:t>
            </a:r>
          </a:p>
          <a:p>
            <a:pPr fontAlgn="ctr"/>
            <a:r>
              <a:rPr lang="en-US" dirty="0"/>
              <a:t>Pay Attention to acronyms</a:t>
            </a:r>
          </a:p>
          <a:p>
            <a:pPr fontAlgn="ctr"/>
            <a:r>
              <a:rPr lang="en-US" dirty="0"/>
              <a:t>- </a:t>
            </a:r>
            <a:r>
              <a:rPr lang="en-US" dirty="0" smtClean="0"/>
              <a:t>readability</a:t>
            </a:r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312851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Quick Recap</a:t>
            </a:r>
          </a:p>
          <a:p>
            <a:r>
              <a:rPr lang="en-US" dirty="0" smtClean="0"/>
              <a:t>2016</a:t>
            </a:r>
          </a:p>
          <a:p>
            <a:r>
              <a:rPr lang="en-US" dirty="0" smtClean="0"/>
              <a:t>Staff &amp; STAC</a:t>
            </a:r>
          </a:p>
          <a:p>
            <a:r>
              <a:rPr lang="en-US" dirty="0" smtClean="0"/>
              <a:t>2017 PCS established</a:t>
            </a:r>
            <a:r>
              <a:rPr lang="en-US" baseline="0" dirty="0" smtClean="0"/>
              <a:t> and conducted review of the concepts and ideas of policies and STAC recommendation</a:t>
            </a:r>
          </a:p>
          <a:p>
            <a:r>
              <a:rPr lang="en-US" baseline="0" dirty="0" smtClean="0"/>
              <a:t>General consensus on comments:</a:t>
            </a:r>
          </a:p>
          <a:p>
            <a:r>
              <a:rPr lang="en-US" baseline="0" dirty="0" smtClean="0"/>
              <a:t>- consolidate, remove redundancy, simplify</a:t>
            </a:r>
          </a:p>
          <a:p>
            <a:r>
              <a:rPr lang="en-US" baseline="0" dirty="0" smtClean="0"/>
              <a:t>- PCS requested review of A&amp;S</a:t>
            </a:r>
          </a:p>
          <a:p>
            <a:r>
              <a:rPr lang="en-US" baseline="0" dirty="0" smtClean="0"/>
              <a:t>2018</a:t>
            </a:r>
          </a:p>
          <a:p>
            <a:r>
              <a:rPr lang="en-US" dirty="0" smtClean="0"/>
              <a:t>Implementation</a:t>
            </a:r>
            <a:r>
              <a:rPr lang="en-US" baseline="0" dirty="0" smtClean="0"/>
              <a:t> was reviewed by the PC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FC179C-2AB6-4F70-9233-BDB0CECF214E}" type="slidenum">
              <a:rPr lang="en-US" smtClean="0">
                <a:solidFill>
                  <a:prstClr val="black"/>
                </a:solidFill>
              </a:rPr>
              <a:pPr/>
              <a:t>22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2752289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fontAlgn="ctr"/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65274263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 fontAlgn="ctr"/>
            <a:r>
              <a:rPr lang="en-US" dirty="0"/>
              <a:t>Progress so far</a:t>
            </a:r>
          </a:p>
          <a:p>
            <a:pPr marL="165511" indent="-165511" fontAlgn="ctr">
              <a:buFont typeface="Arial" panose="020B0604020202020204" pitchFamily="34" charset="0"/>
              <a:buChar char="•"/>
            </a:pPr>
            <a:r>
              <a:rPr lang="en-US" dirty="0" smtClean="0"/>
              <a:t>Another reminder</a:t>
            </a:r>
            <a:r>
              <a:rPr lang="en-US" baseline="0" dirty="0" smtClean="0"/>
              <a:t> that this effort categorized each of the policies as either a policy, strategy, or action</a:t>
            </a:r>
          </a:p>
          <a:p>
            <a:pPr marL="165511" indent="-165511" fontAlgn="ctr">
              <a:buFont typeface="Arial" panose="020B0604020202020204" pitchFamily="34" charset="0"/>
              <a:buChar char="•"/>
            </a:pPr>
            <a:r>
              <a:rPr lang="en-US" baseline="0" dirty="0" smtClean="0"/>
              <a:t>Most impressive number is Green Infrastructure as it went from nearly 300 to 18</a:t>
            </a:r>
          </a:p>
          <a:p>
            <a:pPr marL="165511" indent="-165511" fontAlgn="ctr">
              <a:buFont typeface="Arial" panose="020B0604020202020204" pitchFamily="34" charset="0"/>
              <a:buChar char="•"/>
            </a:pPr>
            <a:r>
              <a:rPr lang="en-US" baseline="0" dirty="0" smtClean="0"/>
              <a:t>Numbers do not include Strategies and Actions</a:t>
            </a:r>
          </a:p>
          <a:p>
            <a:pPr marL="165511" indent="-165511" fontAlgn="ctr">
              <a:buFont typeface="Arial" panose="020B0604020202020204" pitchFamily="34" charset="0"/>
              <a:buChar char="•"/>
            </a:pPr>
            <a:r>
              <a:rPr lang="en-US" baseline="0" dirty="0" smtClean="0"/>
              <a:t>As stated before this is an iterative process, so as we continue to refine these policies may be further refined and consolidated</a:t>
            </a:r>
            <a:endParaRPr lang="en-US" dirty="0"/>
          </a:p>
          <a:p>
            <a:pPr marL="165511" indent="-165511" fontAlgn="ctr">
              <a:buFont typeface="Arial" panose="020B0604020202020204" pitchFamily="34" charset="0"/>
              <a:buChar char="•"/>
            </a:pPr>
            <a:endParaRPr lang="en-US" dirty="0"/>
          </a:p>
          <a:p>
            <a:pPr rtl="0" fontAlgn="ctr"/>
            <a:r>
              <a:rPr lang="en-US" dirty="0"/>
              <a:t>New Plan – </a:t>
            </a:r>
            <a:r>
              <a:rPr lang="en-US" dirty="0" smtClean="0"/>
              <a:t>Simpler; in keeping with the Charter</a:t>
            </a:r>
          </a:p>
          <a:p>
            <a:pPr marL="165518" indent="-165518" fontAlgn="ctr">
              <a:buFont typeface="Arial" panose="020B0604020202020204" pitchFamily="34" charset="0"/>
              <a:buChar char="•"/>
            </a:pPr>
            <a:r>
              <a:rPr lang="en-US" dirty="0" smtClean="0"/>
              <a:t>Didn’t lose concepts of intent with the </a:t>
            </a:r>
            <a:r>
              <a:rPr lang="en-US" dirty="0" err="1" smtClean="0"/>
              <a:t>conolsidation</a:t>
            </a:r>
            <a:r>
              <a:rPr lang="en-US" dirty="0" smtClean="0"/>
              <a:t>.</a:t>
            </a:r>
            <a:endParaRPr lang="en-US" dirty="0"/>
          </a:p>
          <a:p>
            <a:pPr fontAlgn="ctr"/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0010617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 fontAlgn="ctr"/>
            <a:r>
              <a:rPr lang="en-US" dirty="0"/>
              <a:t>Don't Focus on:</a:t>
            </a:r>
          </a:p>
          <a:p>
            <a:pPr marL="165511" indent="-165511" fontAlgn="ctr">
              <a:buFont typeface="Arial" panose="020B0604020202020204" pitchFamily="34" charset="0"/>
              <a:buChar char="•"/>
            </a:pPr>
            <a:r>
              <a:rPr lang="en-US" dirty="0"/>
              <a:t>Specific numbers, facility needs, traffic</a:t>
            </a:r>
          </a:p>
          <a:p>
            <a:pPr marL="165511" indent="-165511" fontAlgn="ctr">
              <a:buFont typeface="Arial" panose="020B0604020202020204" pitchFamily="34" charset="0"/>
              <a:buChar char="•"/>
            </a:pPr>
            <a:r>
              <a:rPr lang="en-US" dirty="0"/>
              <a:t>Other groups working on these issues</a:t>
            </a:r>
          </a:p>
          <a:p>
            <a:pPr marL="165511" indent="-165511" fontAlgn="ctr">
              <a:buFont typeface="Arial" panose="020B0604020202020204" pitchFamily="34" charset="0"/>
              <a:buChar char="•"/>
            </a:pPr>
            <a:endParaRPr lang="en-US" dirty="0"/>
          </a:p>
          <a:p>
            <a:pPr rtl="0" fontAlgn="ctr"/>
            <a:r>
              <a:rPr lang="en-US" dirty="0"/>
              <a:t>New Plan – Simpler; Development Policies Handbook -&gt; Ordinances</a:t>
            </a:r>
          </a:p>
          <a:p>
            <a:pPr marL="165511" indent="-165511" fontAlgn="ctr">
              <a:buFont typeface="Arial" panose="020B0604020202020204" pitchFamily="34" charset="0"/>
              <a:buChar char="•"/>
            </a:pPr>
            <a:r>
              <a:rPr lang="en-US" dirty="0"/>
              <a:t>Additional Plans &amp; Programs</a:t>
            </a:r>
          </a:p>
          <a:p>
            <a:pPr fontAlgn="ctr"/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8466176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 fontAlgn="ctr"/>
            <a:r>
              <a:rPr lang="en-US" dirty="0"/>
              <a:t>Here are the general comments, similar to those made on the overarching policies.</a:t>
            </a:r>
          </a:p>
          <a:p>
            <a:pPr marL="165511" indent="-165511" fontAlgn="ctr">
              <a:buFontTx/>
              <a:buChar char="-"/>
            </a:pPr>
            <a:r>
              <a:rPr lang="en-US" dirty="0"/>
              <a:t>General support to retain</a:t>
            </a:r>
          </a:p>
          <a:p>
            <a:pPr marL="165511" indent="-165511" fontAlgn="ctr">
              <a:buFontTx/>
              <a:buChar char="-"/>
            </a:pPr>
            <a:r>
              <a:rPr lang="en-US" dirty="0"/>
              <a:t>Original intent of RPA retained</a:t>
            </a:r>
          </a:p>
          <a:p>
            <a:pPr marL="165511" indent="-165511" fontAlgn="ctr">
              <a:buFontTx/>
              <a:buChar char="-"/>
            </a:pPr>
            <a:r>
              <a:rPr lang="en-US" dirty="0"/>
              <a:t>Consolidate, simplify, delete irrelevant and redundant </a:t>
            </a:r>
            <a:r>
              <a:rPr lang="en-US" dirty="0" err="1"/>
              <a:t>polcies</a:t>
            </a:r>
            <a:endParaRPr lang="en-US" dirty="0"/>
          </a:p>
          <a:p>
            <a:pPr marL="165511" indent="-165511" fontAlgn="ctr">
              <a:buFontTx/>
              <a:buChar char="-"/>
            </a:pPr>
            <a:r>
              <a:rPr lang="en-US" dirty="0"/>
              <a:t>Revise some language</a:t>
            </a:r>
          </a:p>
          <a:p>
            <a:pPr fontAlgn="ctr"/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7135895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rtl="0" fontAlgn="ctr"/>
            <a:r>
              <a:rPr lang="en-US" dirty="0"/>
              <a:t>Key Highlights pulled from Report in your packet</a:t>
            </a:r>
          </a:p>
          <a:p>
            <a:pPr rtl="0" fontAlgn="ctr"/>
            <a:r>
              <a:rPr lang="en-US" dirty="0"/>
              <a:t>RPA</a:t>
            </a:r>
          </a:p>
          <a:p>
            <a:pPr rtl="0" fontAlgn="ctr"/>
            <a:r>
              <a:rPr lang="en-US" dirty="0"/>
              <a:t>- Maybe new, tweaking of existing, or clarifications with guidelines</a:t>
            </a:r>
          </a:p>
          <a:p>
            <a:pPr rtl="0" fontAlgn="ctr"/>
            <a:r>
              <a:rPr lang="en-US" dirty="0"/>
              <a:t>Villages</a:t>
            </a:r>
          </a:p>
          <a:p>
            <a:pPr marL="165511" indent="-165511" fontAlgn="ctr">
              <a:buFontTx/>
              <a:buChar char="-"/>
            </a:pPr>
            <a:r>
              <a:rPr lang="en-US" dirty="0"/>
              <a:t>Criteria</a:t>
            </a:r>
          </a:p>
          <a:p>
            <a:pPr fontAlgn="ctr"/>
            <a:r>
              <a:rPr lang="en-US" dirty="0"/>
              <a:t>New RRI policies</a:t>
            </a:r>
          </a:p>
          <a:p>
            <a:pPr defTabSz="882728" fontAlgn="ctr"/>
            <a:r>
              <a:rPr lang="en-US" dirty="0"/>
              <a:t>- </a:t>
            </a:r>
            <a:r>
              <a:rPr lang="en-US" dirty="0" smtClean="0"/>
              <a:t>Vacant land is becoming scarce</a:t>
            </a:r>
          </a:p>
          <a:p>
            <a:pPr marL="165511" indent="-165511" fontAlgn="ctr">
              <a:buFontTx/>
              <a:buChar char="-"/>
            </a:pPr>
            <a:r>
              <a:rPr lang="en-US" dirty="0"/>
              <a:t>Incentives</a:t>
            </a:r>
          </a:p>
          <a:p>
            <a:pPr marL="165511" indent="-165511" fontAlgn="ctr">
              <a:buFontTx/>
              <a:buChar char="-"/>
            </a:pPr>
            <a:r>
              <a:rPr lang="en-US" dirty="0"/>
              <a:t>Pending research</a:t>
            </a:r>
          </a:p>
          <a:p>
            <a:pPr fontAlgn="ctr"/>
            <a:r>
              <a:rPr lang="en-US" dirty="0"/>
              <a:t>GI</a:t>
            </a:r>
          </a:p>
          <a:p>
            <a:pPr marL="165511" indent="-165511" defTabSz="882728" fontAlgn="ctr">
              <a:buFontTx/>
              <a:buChar char="-"/>
            </a:pPr>
            <a:r>
              <a:rPr lang="en-US" dirty="0" smtClean="0"/>
              <a:t>Manner of preservation should be evaluated</a:t>
            </a:r>
          </a:p>
          <a:p>
            <a:pPr marL="165511" indent="-165511" defTabSz="882728" fontAlgn="ctr">
              <a:buFontTx/>
              <a:buChar char="-"/>
            </a:pPr>
            <a:r>
              <a:rPr lang="en-US" dirty="0" smtClean="0"/>
              <a:t>Pending research </a:t>
            </a:r>
          </a:p>
          <a:p>
            <a:pPr fontAlgn="ctr"/>
            <a:r>
              <a:rPr lang="en-US" dirty="0"/>
              <a:t>Urban</a:t>
            </a:r>
          </a:p>
          <a:p>
            <a:pPr fontAlgn="ctr"/>
            <a:r>
              <a:rPr lang="en-US" dirty="0"/>
              <a:t>- Cash flow to finance projects</a:t>
            </a:r>
          </a:p>
          <a:p>
            <a:pPr fontAlgn="ctr"/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5082756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Moving forward</a:t>
            </a:r>
            <a:r>
              <a:rPr lang="en-US" baseline="0" dirty="0" smtClean="0"/>
              <a:t>, a</a:t>
            </a:r>
            <a:r>
              <a:rPr lang="en-US" dirty="0" smtClean="0"/>
              <a:t>ny discrepancies in feedback will be presented to the Stakeholders Committee for consideration.</a:t>
            </a:r>
          </a:p>
          <a:p>
            <a:endParaRPr lang="en-US" dirty="0" smtClean="0"/>
          </a:p>
          <a:p>
            <a:r>
              <a:rPr lang="en-US" dirty="0" smtClean="0"/>
              <a:t>Findings of the pending research will also</a:t>
            </a:r>
            <a:r>
              <a:rPr lang="en-US" baseline="0" dirty="0" smtClean="0"/>
              <a:t> be presented along with Staff Recommendations.</a:t>
            </a:r>
          </a:p>
          <a:p>
            <a:r>
              <a:rPr lang="en-US" baseline="0" dirty="0" smtClean="0"/>
              <a:t>Most of the pending research will affect the implementation aspect of the plan. Anticipate some of the findings determining whether or not some of these suggestions are viable.</a:t>
            </a:r>
          </a:p>
        </p:txBody>
      </p:sp>
    </p:spTree>
    <p:extLst>
      <p:ext uri="{BB962C8B-B14F-4D97-AF65-F5344CB8AC3E}">
        <p14:creationId xmlns:p14="http://schemas.microsoft.com/office/powerpoint/2010/main" val="1154628476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Before</a:t>
            </a:r>
            <a:r>
              <a:rPr lang="en-US" baseline="0" dirty="0" smtClean="0"/>
              <a:t> I open up for Questions, Subcommittee members want to point out anything I may not have covered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37428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6683981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1920427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37065016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dirty="0" smtClean="0"/>
              <a:t>An adequate supply of housing—varied in type and price, both rental and for-sale, in convenient locations—is a fundamental component of a complete, inclusive, and enduring community. </a:t>
            </a:r>
          </a:p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dirty="0" smtClean="0"/>
              <a:t>The creation and demand of affordable and attainable housing requires that the pattern of residential development—its design, density, location, cost, and performance—benefit the resident and community now and over time. 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7099620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dirty="0" smtClean="0"/>
              <a:t>Sept. 25:</a:t>
            </a:r>
            <a:r>
              <a:rPr lang="en-US" baseline="0" dirty="0" smtClean="0"/>
              <a:t> Last time full SC discussed Housing &amp; accepted Subcommittee’s 10 recommended policies</a:t>
            </a:r>
          </a:p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baseline="0" dirty="0" smtClean="0"/>
              <a:t>Sept. 29: Subcommittee reviewed RGP policies for carryover</a:t>
            </a:r>
          </a:p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baseline="0" dirty="0" smtClean="0"/>
              <a:t>Oct. 13: Staff finalized policy hierarchy distinguishing policies, actions, strategies, etc. after work on Housing</a:t>
            </a:r>
          </a:p>
          <a:p>
            <a:pPr marL="165518" indent="-165518" defTabSz="882762">
              <a:buFont typeface="Arial" panose="020B0604020202020204" pitchFamily="34" charset="0"/>
              <a:buChar char="•"/>
              <a:defRPr/>
            </a:pPr>
            <a:r>
              <a:rPr lang="en-US" baseline="0" dirty="0" smtClean="0"/>
              <a:t>Oct. 16: Results of Housing Summit generally incorporated in to Strategies and Actions</a:t>
            </a:r>
          </a:p>
          <a:p>
            <a:pPr marL="165518" indent="-165518" defTabSz="882762">
              <a:buFont typeface="Arial" panose="020B0604020202020204" pitchFamily="34" charset="0"/>
              <a:buChar char="•"/>
              <a:defRPr/>
            </a:pPr>
            <a:r>
              <a:rPr lang="en-US" baseline="0" dirty="0" smtClean="0"/>
              <a:t>Feb. 5: Staff &amp; Housing Summit stakeholders still working on possibility of new housing strategies.  If any included in draft chapter, they will be identified.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04943673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dirty="0" smtClean="0"/>
              <a:t>Sept. 25:</a:t>
            </a:r>
            <a:r>
              <a:rPr lang="en-US" baseline="0" dirty="0" smtClean="0"/>
              <a:t> Last time full SC discussed Housin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9577817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dirty="0" smtClean="0"/>
              <a:t>Policy Hierarchy defined after</a:t>
            </a:r>
            <a:r>
              <a:rPr lang="en-US" baseline="0" dirty="0" smtClean="0"/>
              <a:t> work on Housing</a:t>
            </a:r>
          </a:p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baseline="0" dirty="0" smtClean="0"/>
              <a:t>Results of Housing Summit generally incorporated in to Strategies and Actions</a:t>
            </a:r>
          </a:p>
        </p:txBody>
      </p:sp>
    </p:spTree>
    <p:extLst>
      <p:ext uri="{BB962C8B-B14F-4D97-AF65-F5344CB8AC3E}">
        <p14:creationId xmlns:p14="http://schemas.microsoft.com/office/powerpoint/2010/main" val="1013866965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 defTabSz="882762">
              <a:buFont typeface="Arial" panose="020B0604020202020204" pitchFamily="34" charset="0"/>
              <a:buChar char="•"/>
              <a:defRPr/>
            </a:pPr>
            <a:r>
              <a:rPr lang="en-US" baseline="0" dirty="0" smtClean="0"/>
              <a:t>Staff still working on possibility of new housing strategies.  If any included in draft chapter, they will be identified.</a:t>
            </a:r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60162271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4479950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dirty="0" smtClean="0"/>
              <a:t>Basis of Actions and Strategies identified by colo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2039031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6228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3864925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804527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668474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/>
              <a:t>Will need integration </a:t>
            </a:r>
            <a:r>
              <a:rPr lang="en-US" dirty="0"/>
              <a:t>with planned mixed use and urban areas </a:t>
            </a:r>
          </a:p>
        </p:txBody>
      </p:sp>
    </p:spTree>
    <p:extLst>
      <p:ext uri="{BB962C8B-B14F-4D97-AF65-F5344CB8AC3E}">
        <p14:creationId xmlns:p14="http://schemas.microsoft.com/office/powerpoint/2010/main" val="194374483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dirty="0" smtClean="0"/>
              <a:t>…compatibility with the larger community of which they will be a par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3401838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 defTabSz="882762">
              <a:buFont typeface="Arial" panose="020B0604020202020204" pitchFamily="34" charset="0"/>
              <a:buChar char="•"/>
              <a:defRPr/>
            </a:pPr>
            <a:r>
              <a:rPr lang="en-US" dirty="0" smtClean="0"/>
              <a:t>…mixed-use environments that can be supported by surrounding suburban-style development and attract a variety of lifestyles</a:t>
            </a:r>
          </a:p>
          <a:p>
            <a:pPr marL="165518" indent="-165518" defTabSz="882762">
              <a:buFont typeface="Arial" panose="020B0604020202020204" pitchFamily="34" charset="0"/>
              <a:buChar char="•"/>
              <a:defRPr/>
            </a:pPr>
            <a:r>
              <a:rPr lang="en-US" dirty="0" smtClean="0"/>
              <a:t>Community Plans could be</a:t>
            </a:r>
            <a:r>
              <a:rPr lang="en-US" baseline="0" dirty="0" smtClean="0"/>
              <a:t> Corridor, Small Area, etc. </a:t>
            </a:r>
            <a:endParaRPr lang="en-US" dirty="0" smtClean="0"/>
          </a:p>
          <a:p>
            <a:pPr marL="165518" indent="-165518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42833906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dirty="0" smtClean="0"/>
              <a:t>The degree to which the content of a number of existing plans and components (Route 28, Route 50, Retail, etc.) should be superseded by, maintained separately, and/or incorporated in to the New Plan.</a:t>
            </a:r>
          </a:p>
          <a:p>
            <a:pPr marL="165518" indent="-165518">
              <a:buFont typeface="Arial" panose="020B0604020202020204" pitchFamily="34" charset="0"/>
              <a:buChar char="•"/>
            </a:pPr>
            <a:r>
              <a:rPr lang="en-US" dirty="0" smtClean="0"/>
              <a:t>Staff’s intention to address all of these comprehensively in the Built</a:t>
            </a:r>
            <a:r>
              <a:rPr lang="en-US" baseline="0" dirty="0" smtClean="0"/>
              <a:t> Environment chapter/SPA section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2719086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65518" indent="-165518" defTabSz="882762">
              <a:buFont typeface="Arial" panose="020B0604020202020204" pitchFamily="34" charset="0"/>
              <a:buChar char="•"/>
              <a:defRPr/>
            </a:pPr>
            <a:r>
              <a:rPr lang="en-US" dirty="0" smtClean="0"/>
              <a:t>Some may find these too general,</a:t>
            </a:r>
            <a:r>
              <a:rPr lang="en-US" baseline="0" dirty="0" smtClean="0"/>
              <a:t> and that is something that can be talked about in the small group discussions.  </a:t>
            </a:r>
            <a:endParaRPr lang="en-US" dirty="0" smtClean="0"/>
          </a:p>
          <a:p>
            <a:pPr marL="165518" indent="-165518" defTabSz="882762">
              <a:buFont typeface="Arial" panose="020B0604020202020204" pitchFamily="34" charset="0"/>
              <a:buChar char="•"/>
              <a:defRPr/>
            </a:pPr>
            <a:endParaRPr lang="en-US" dirty="0" smtClean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8892044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6432075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18749075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e have solicited information from the Towns and are proposing changes that reduce redundancy, and update or delete existing policies where appropriate.</a:t>
            </a:r>
          </a:p>
          <a:p>
            <a:endParaRPr lang="en-US" dirty="0"/>
          </a:p>
          <a:p>
            <a:r>
              <a:rPr lang="en-US" dirty="0" smtClean="0"/>
              <a:t>There has been input during both of the community outreach effort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>
                <a:solidFill>
                  <a:prstClr val="black"/>
                </a:solidFill>
              </a:rPr>
              <a:pPr/>
              <a:t>49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004364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4043210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>
                <a:solidFill>
                  <a:prstClr val="black"/>
                </a:solidFill>
              </a:rPr>
              <a:pPr/>
              <a:t>50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1818397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>
                <a:solidFill>
                  <a:prstClr val="black"/>
                </a:solidFill>
              </a:rPr>
              <a:pPr/>
              <a:t>51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0438993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>
                <a:solidFill>
                  <a:prstClr val="black"/>
                </a:solidFill>
              </a:rPr>
              <a:pPr/>
              <a:t>52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99256297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5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9772793"/>
      </p:ext>
    </p:extLst>
  </p:cSld>
  <p:clrMapOvr>
    <a:masterClrMapping/>
  </p:clrMapOvr>
</p:notes>
</file>

<file path=ppt/notesSlides/notesSlide5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24756123"/>
      </p:ext>
    </p:extLst>
  </p:cSld>
  <p:clrMapOvr>
    <a:masterClrMapping/>
  </p:clrMapOvr>
</p:notes>
</file>

<file path=ppt/notesSlides/notesSlide5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5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1726621"/>
      </p:ext>
    </p:extLst>
  </p:cSld>
  <p:clrMapOvr>
    <a:masterClrMapping/>
  </p:clrMapOvr>
</p:notes>
</file>

<file path=ppt/notesSlides/notesSlide5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5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9331303"/>
      </p:ext>
    </p:extLst>
  </p:cSld>
  <p:clrMapOvr>
    <a:masterClrMapping/>
  </p:clrMapOvr>
</p:notes>
</file>

<file path=ppt/notesSlides/notesSlide5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5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696891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360364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749281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466343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8B112F0-1C9B-4E87-8E97-A2D92807CF6B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12891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accent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6BFAC-98D9-4FE4-84EE-DA956624A4A3}" type="datetimeFigureOut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>
                <a:solidFill>
                  <a:srgbClr val="006647"/>
                </a:solidFill>
              </a:rPr>
              <a:pPr/>
              <a:t>‹#›</a:t>
            </a:fld>
            <a:endParaRPr lang="en-US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2504742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Custom Layou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31720" y="186772"/>
            <a:ext cx="9275973" cy="575170"/>
          </a:xfrm>
        </p:spPr>
        <p:txBody>
          <a:bodyPr anchor="t">
            <a:normAutofit/>
          </a:bodyPr>
          <a:lstStyle>
            <a:lvl1pPr algn="l">
              <a:defRPr sz="3200" b="0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1083273"/>
            <a:ext cx="10972800" cy="4734916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600"/>
              </a:spcAft>
              <a:buFontTx/>
              <a:buNone/>
              <a:defRPr sz="3000" b="1" baseline="0">
                <a:solidFill>
                  <a:srgbClr val="2B388F"/>
                </a:solidFill>
                <a:latin typeface="Arial"/>
                <a:cs typeface="Arial"/>
              </a:defRPr>
            </a:lvl1pPr>
            <a:lvl2pPr marL="3175" indent="0">
              <a:lnSpc>
                <a:spcPct val="100000"/>
              </a:lnSpc>
              <a:spcBef>
                <a:spcPts val="0"/>
              </a:spcBef>
              <a:buFontTx/>
              <a:buNone/>
              <a:defRPr sz="2200" baseline="0">
                <a:latin typeface="Arial"/>
                <a:cs typeface="Arial"/>
              </a:defRPr>
            </a:lvl2pPr>
            <a:lvl3pPr marL="569913" indent="-346075">
              <a:buFont typeface="Lucida Grande"/>
              <a:buChar char="■"/>
              <a:tabLst/>
              <a:defRPr sz="2200" baseline="0">
                <a:latin typeface="Arial"/>
                <a:cs typeface="Arial"/>
              </a:defRPr>
            </a:lvl3pPr>
            <a:lvl4pPr marL="914400" indent="-344488">
              <a:buFont typeface="Lucida Grande"/>
              <a:buChar char="»"/>
              <a:defRPr sz="2200" baseline="0">
                <a:latin typeface="Arial"/>
                <a:cs typeface="Arial"/>
              </a:defRPr>
            </a:lvl4pPr>
            <a:lvl5pPr marL="1373188" indent="-401638">
              <a:buSzPct val="70000"/>
              <a:buFont typeface="Arial"/>
              <a:buChar char="►"/>
              <a:defRPr sz="2200" baseline="0">
                <a:latin typeface="Arial"/>
                <a:cs typeface="Arial"/>
              </a:defRPr>
            </a:lvl5pPr>
          </a:lstStyle>
          <a:p>
            <a:pPr lvl="0"/>
            <a:r>
              <a:rPr lang="en-US" dirty="0"/>
              <a:t>Text Header</a:t>
            </a:r>
          </a:p>
          <a:p>
            <a:pPr lvl="1"/>
            <a:r>
              <a:rPr lang="en-US" dirty="0"/>
              <a:t>Body Text</a:t>
            </a:r>
          </a:p>
          <a:p>
            <a:pPr lvl="2"/>
            <a:r>
              <a:rPr lang="en-US" dirty="0"/>
              <a:t>Second level</a:t>
            </a:r>
          </a:p>
          <a:p>
            <a:pPr lvl="2"/>
            <a:r>
              <a:rPr lang="en-US" dirty="0"/>
              <a:t>Second level</a:t>
            </a:r>
          </a:p>
          <a:p>
            <a:pPr lvl="3"/>
            <a:r>
              <a:rPr lang="en-US" dirty="0"/>
              <a:t>Third level</a:t>
            </a:r>
          </a:p>
          <a:p>
            <a:pPr lvl="3"/>
            <a:r>
              <a:rPr lang="en-US" dirty="0"/>
              <a:t>Third level</a:t>
            </a:r>
          </a:p>
          <a:p>
            <a:pPr lvl="4"/>
            <a:r>
              <a:rPr lang="en-US" dirty="0"/>
              <a:t>Fourth level</a:t>
            </a:r>
          </a:p>
          <a:p>
            <a:pPr lvl="4"/>
            <a:r>
              <a:rPr lang="en-US" dirty="0"/>
              <a:t>Fourth level</a:t>
            </a:r>
          </a:p>
        </p:txBody>
      </p:sp>
      <p:sp>
        <p:nvSpPr>
          <p:cNvPr id="3" name="TextBox 2"/>
          <p:cNvSpPr txBox="1"/>
          <p:nvPr userDrawn="1"/>
        </p:nvSpPr>
        <p:spPr>
          <a:xfrm>
            <a:off x="609600" y="6148520"/>
            <a:ext cx="72212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BFEEE25B-4D17-4141-BB77-3A53F7501D49}" type="slidenum">
              <a:rPr lang="en-US" sz="1400">
                <a:solidFill>
                  <a:srgbClr val="006647"/>
                </a:solidFill>
              </a:rPr>
              <a:pPr/>
              <a:t>‹#›</a:t>
            </a:fld>
            <a:endParaRPr lang="en-US" sz="1400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57042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ustom Layou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31720" y="186772"/>
            <a:ext cx="9275973" cy="575170"/>
          </a:xfrm>
        </p:spPr>
        <p:txBody>
          <a:bodyPr anchor="t">
            <a:normAutofit/>
          </a:bodyPr>
          <a:lstStyle>
            <a:lvl1pPr algn="l">
              <a:defRPr sz="3200" b="0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1083273"/>
            <a:ext cx="10972800" cy="4734916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600"/>
              </a:spcAft>
              <a:buFontTx/>
              <a:buNone/>
              <a:defRPr sz="3000" b="1" baseline="0">
                <a:solidFill>
                  <a:srgbClr val="2B388F"/>
                </a:solidFill>
                <a:latin typeface="Arial"/>
                <a:cs typeface="Arial"/>
              </a:defRPr>
            </a:lvl1pPr>
            <a:lvl2pPr marL="3175" indent="0">
              <a:lnSpc>
                <a:spcPct val="100000"/>
              </a:lnSpc>
              <a:spcBef>
                <a:spcPts val="0"/>
              </a:spcBef>
              <a:buFontTx/>
              <a:buNone/>
              <a:defRPr sz="2200" baseline="0">
                <a:latin typeface="Arial"/>
                <a:cs typeface="Arial"/>
              </a:defRPr>
            </a:lvl2pPr>
            <a:lvl3pPr marL="569913" indent="-346075">
              <a:buFont typeface="Lucida Grande"/>
              <a:buChar char="■"/>
              <a:tabLst/>
              <a:defRPr sz="2200" baseline="0">
                <a:latin typeface="Arial"/>
                <a:cs typeface="Arial"/>
              </a:defRPr>
            </a:lvl3pPr>
            <a:lvl4pPr marL="914400" indent="-344488">
              <a:buFont typeface="Lucida Grande"/>
              <a:buChar char="»"/>
              <a:defRPr sz="2200" baseline="0">
                <a:latin typeface="Arial"/>
                <a:cs typeface="Arial"/>
              </a:defRPr>
            </a:lvl4pPr>
            <a:lvl5pPr marL="1373188" indent="-401638">
              <a:buSzPct val="70000"/>
              <a:buFont typeface="Arial"/>
              <a:buChar char="►"/>
              <a:defRPr sz="2200" baseline="0">
                <a:latin typeface="Arial"/>
                <a:cs typeface="Arial"/>
              </a:defRPr>
            </a:lvl5pPr>
          </a:lstStyle>
          <a:p>
            <a:pPr lvl="0"/>
            <a:r>
              <a:rPr lang="en-US" dirty="0"/>
              <a:t>Text Header</a:t>
            </a:r>
          </a:p>
          <a:p>
            <a:pPr lvl="1"/>
            <a:r>
              <a:rPr lang="en-US" dirty="0"/>
              <a:t>Body Text</a:t>
            </a:r>
          </a:p>
          <a:p>
            <a:pPr lvl="2"/>
            <a:r>
              <a:rPr lang="en-US" dirty="0"/>
              <a:t>Second level</a:t>
            </a:r>
          </a:p>
          <a:p>
            <a:pPr lvl="2"/>
            <a:r>
              <a:rPr lang="en-US" dirty="0"/>
              <a:t>Second level</a:t>
            </a:r>
          </a:p>
          <a:p>
            <a:pPr lvl="3"/>
            <a:r>
              <a:rPr lang="en-US" dirty="0"/>
              <a:t>Third level</a:t>
            </a:r>
          </a:p>
          <a:p>
            <a:pPr lvl="3"/>
            <a:r>
              <a:rPr lang="en-US" dirty="0"/>
              <a:t>Third level</a:t>
            </a:r>
          </a:p>
          <a:p>
            <a:pPr lvl="4"/>
            <a:r>
              <a:rPr lang="en-US" dirty="0"/>
              <a:t>Fourth level</a:t>
            </a:r>
          </a:p>
          <a:p>
            <a:pPr lvl="4"/>
            <a:r>
              <a:rPr lang="en-US" dirty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96135873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accent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03B2E8-3F04-49CE-98BA-3A05B773D2F9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3125711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B9B6D4-C6A1-4405-9D69-1E905E58EA1B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1426610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 b="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138A51-9F35-4DC8-935B-E85F802E9C2B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173823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5B1B57-28AB-4E24-8877-D54D3E432347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108001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6E6DBA-87D2-492C-BD07-042978F407F4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2273163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1E1828-7F7B-4B51-B2B7-96971BDFF1B4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295344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203552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0" y="0"/>
            <a:ext cx="12203551" cy="6926510"/>
          </a:xfrm>
          <a:prstGeom prst="rect">
            <a:avLst/>
          </a:prstGeom>
          <a:gradFill>
            <a:gsLst>
              <a:gs pos="0">
                <a:schemeClr val="tx1">
                  <a:lumMod val="50000"/>
                  <a:alpha val="27000"/>
                </a:schemeClr>
              </a:gs>
              <a:gs pos="100000">
                <a:schemeClr val="tx1">
                  <a:lumMod val="50000"/>
                  <a:alpha val="0"/>
                </a:schemeClr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6661A9-79EB-4BEC-BACD-D444EAC65076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86498" y="1224793"/>
            <a:ext cx="8660223" cy="43538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269066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D4304F-76CC-418A-BE4B-DEDBC16BE492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678517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lnSpc>
                <a:spcPct val="100000"/>
              </a:lnSpc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6BFAC-98D9-4FE4-84EE-DA956624A4A3}" type="datetimeFigureOut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>
                <a:solidFill>
                  <a:srgbClr val="006647"/>
                </a:solidFill>
              </a:rPr>
              <a:pPr/>
              <a:t>‹#›</a:t>
            </a:fld>
            <a:endParaRPr lang="en-US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4901836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84F29D-4987-4411-8490-264169368504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523385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accent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03B2E8-3F04-49CE-98BA-3A05B773D2F9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229132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B9B6D4-C6A1-4405-9D69-1E905E58EA1B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5176697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 b="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138A51-9F35-4DC8-935B-E85F802E9C2B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184888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5B1B57-28AB-4E24-8877-D54D3E432347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258454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6E6DBA-87D2-492C-BD07-042978F407F4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841106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1E1828-7F7B-4B51-B2B7-96971BDFF1B4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2282057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203552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0" y="0"/>
            <a:ext cx="12203551" cy="6926510"/>
          </a:xfrm>
          <a:prstGeom prst="rect">
            <a:avLst/>
          </a:prstGeom>
          <a:gradFill>
            <a:gsLst>
              <a:gs pos="0">
                <a:schemeClr val="tx1">
                  <a:lumMod val="50000"/>
                  <a:alpha val="27000"/>
                </a:schemeClr>
              </a:gs>
              <a:gs pos="100000">
                <a:schemeClr val="tx1">
                  <a:lumMod val="50000"/>
                  <a:alpha val="0"/>
                </a:schemeClr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6661A9-79EB-4BEC-BACD-D444EAC65076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86498" y="1224793"/>
            <a:ext cx="8660223" cy="43538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302213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D4304F-76CC-418A-BE4B-DEDBC16BE492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860581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284F29D-4987-4411-8490-264169368504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‹#›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794279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 b="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6BFAC-98D9-4FE4-84EE-DA956624A4A3}" type="datetimeFigureOut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>
                <a:solidFill>
                  <a:srgbClr val="006647"/>
                </a:solidFill>
              </a:rPr>
              <a:pPr/>
              <a:t>‹#›</a:t>
            </a:fld>
            <a:endParaRPr lang="en-US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3881823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6BFAC-98D9-4FE4-84EE-DA956624A4A3}" type="datetimeFigureOut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>
                <a:solidFill>
                  <a:srgbClr val="006647"/>
                </a:solidFill>
              </a:rPr>
              <a:pPr/>
              <a:t>‹#›</a:t>
            </a:fld>
            <a:endParaRPr lang="en-US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9778312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6BFAC-98D9-4FE4-84EE-DA956624A4A3}" type="datetimeFigureOut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>
                <a:solidFill>
                  <a:srgbClr val="006647"/>
                </a:solidFill>
              </a:rPr>
              <a:pPr/>
              <a:t>‹#›</a:t>
            </a:fld>
            <a:endParaRPr lang="en-US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350672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6BFAC-98D9-4FE4-84EE-DA956624A4A3}" type="datetimeFigureOut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>
                <a:solidFill>
                  <a:srgbClr val="006647"/>
                </a:solidFill>
              </a:rPr>
              <a:pPr/>
              <a:t>‹#›</a:t>
            </a:fld>
            <a:endParaRPr lang="en-US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31933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203552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0" y="0"/>
            <a:ext cx="12203551" cy="6926510"/>
          </a:xfrm>
          <a:prstGeom prst="rect">
            <a:avLst/>
          </a:prstGeom>
          <a:gradFill>
            <a:gsLst>
              <a:gs pos="0">
                <a:schemeClr val="tx1">
                  <a:lumMod val="50000"/>
                  <a:alpha val="27000"/>
                </a:schemeClr>
              </a:gs>
              <a:gs pos="100000">
                <a:schemeClr val="tx1">
                  <a:lumMod val="50000"/>
                  <a:alpha val="0"/>
                </a:schemeClr>
              </a:gs>
            </a:gsLst>
            <a:lin ang="54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6BFAC-98D9-4FE4-84EE-DA956624A4A3}" type="datetimeFigureOut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>
                <a:solidFill>
                  <a:srgbClr val="006647"/>
                </a:solidFill>
              </a:rPr>
              <a:pPr/>
              <a:t>‹#›</a:t>
            </a:fld>
            <a:endParaRPr lang="en-US">
              <a:solidFill>
                <a:srgbClr val="006647"/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86498" y="1224793"/>
            <a:ext cx="8660223" cy="43538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03563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6BFAC-98D9-4FE4-84EE-DA956624A4A3}" type="datetimeFigureOut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>
                <a:solidFill>
                  <a:srgbClr val="006647"/>
                </a:solidFill>
              </a:rPr>
              <a:pPr/>
              <a:t>‹#›</a:t>
            </a:fld>
            <a:endParaRPr lang="en-US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811022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56BFAC-98D9-4FE4-84EE-DA956624A4A3}" type="datetimeFigureOut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64A37166-E528-4BD0-B294-9BAF24C24960}" type="slidenum">
              <a:rPr lang="en-US">
                <a:solidFill>
                  <a:srgbClr val="006647"/>
                </a:solidFill>
              </a:rPr>
              <a:pPr/>
              <a:t>‹#›</a:t>
            </a:fld>
            <a:endParaRPr lang="en-US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126531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image" Target="../media/image1.jpg"/><Relationship Id="rId5" Type="http://schemas.openxmlformats.org/officeDocument/2006/relationships/slideLayout" Target="../slideLayouts/slideLayout16.xml"/><Relationship Id="rId10" Type="http://schemas.openxmlformats.org/officeDocument/2006/relationships/theme" Target="../theme/theme2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8.xml"/><Relationship Id="rId3" Type="http://schemas.openxmlformats.org/officeDocument/2006/relationships/slideLayout" Target="../slideLayouts/slideLayout23.xml"/><Relationship Id="rId7" Type="http://schemas.openxmlformats.org/officeDocument/2006/relationships/slideLayout" Target="../slideLayouts/slideLayout27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slideLayout" Target="../slideLayouts/slideLayout26.xml"/><Relationship Id="rId11" Type="http://schemas.openxmlformats.org/officeDocument/2006/relationships/image" Target="../media/image1.jpg"/><Relationship Id="rId5" Type="http://schemas.openxmlformats.org/officeDocument/2006/relationships/slideLayout" Target="../slideLayouts/slideLayout25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24.xml"/><Relationship Id="rId9" Type="http://schemas.openxmlformats.org/officeDocument/2006/relationships/slideLayout" Target="../slideLayouts/slideLayout2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0" y="-3969"/>
            <a:ext cx="12192000" cy="18494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0" y="6132352"/>
            <a:ext cx="12192000" cy="72564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006647">
                    <a:tint val="75000"/>
                  </a:srgbClr>
                </a:solidFill>
              </a:rPr>
              <a:t>Meeting Name #</a:t>
            </a:r>
            <a:br>
              <a:rPr lang="en-US" dirty="0">
                <a:solidFill>
                  <a:srgbClr val="006647">
                    <a:tint val="75000"/>
                  </a:srgbClr>
                </a:solidFill>
              </a:rPr>
            </a:br>
            <a:r>
              <a:rPr lang="en-US" dirty="0">
                <a:solidFill>
                  <a:srgbClr val="006647">
                    <a:tint val="75000"/>
                  </a:srgbClr>
                </a:solidFill>
              </a:rPr>
              <a:t>Date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>
                <a:solidFill>
                  <a:srgbClr val="006647">
                    <a:tint val="75000"/>
                  </a:srgbClr>
                </a:solidFill>
              </a:rPr>
              <a:t>2016 Comprehensive Plan</a:t>
            </a:r>
            <a:br>
              <a:rPr lang="en-US" dirty="0">
                <a:solidFill>
                  <a:srgbClr val="006647">
                    <a:tint val="75000"/>
                  </a:srgbClr>
                </a:solidFill>
              </a:rPr>
            </a:br>
            <a:r>
              <a:rPr lang="en-US" dirty="0">
                <a:solidFill>
                  <a:srgbClr val="006647">
                    <a:tint val="75000"/>
                  </a:srgbClr>
                </a:solidFill>
              </a:rPr>
              <a:t>Loudoun County, Virginia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14" t="8765" r="10207" b="12708"/>
          <a:stretch/>
        </p:blipFill>
        <p:spPr>
          <a:xfrm>
            <a:off x="10603685" y="6132353"/>
            <a:ext cx="1518407" cy="725648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0" y="0"/>
            <a:ext cx="12192000" cy="10953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9887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Arial Black" panose="020B0A0402010202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rial Black" panose="020B0A04020102020204" pitchFamily="34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i="1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0" y="-3969"/>
            <a:ext cx="12192000" cy="18494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0" y="6132352"/>
            <a:ext cx="12192000" cy="72564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3EDEE34-61B4-4C9E-BA8A-1B0C5BDD1AF3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14" t="8765" r="10207" b="12708"/>
          <a:stretch/>
        </p:blipFill>
        <p:spPr>
          <a:xfrm>
            <a:off x="10603685" y="6132353"/>
            <a:ext cx="1518407" cy="725648"/>
          </a:xfrm>
          <a:prstGeom prst="rect">
            <a:avLst/>
          </a:prstGeom>
        </p:spPr>
      </p:pic>
      <p:sp>
        <p:nvSpPr>
          <p:cNvPr id="9" name="Rectangle 8"/>
          <p:cNvSpPr/>
          <p:nvPr userDrawn="1"/>
        </p:nvSpPr>
        <p:spPr>
          <a:xfrm>
            <a:off x="0" y="0"/>
            <a:ext cx="12192000" cy="10953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37377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Arial Black" panose="020B0A0402010202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rial Black" panose="020B0A04020102020204" pitchFamily="34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i="1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0" y="-3969"/>
            <a:ext cx="12192000" cy="18494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8" name="Rectangle 7"/>
          <p:cNvSpPr/>
          <p:nvPr userDrawn="1"/>
        </p:nvSpPr>
        <p:spPr>
          <a:xfrm>
            <a:off x="0" y="6132352"/>
            <a:ext cx="12192000" cy="725649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3EDEE34-61B4-4C9E-BA8A-1B0C5BDD1AF3}" type="datetime1">
              <a:rPr lang="en-US" smtClean="0">
                <a:solidFill>
                  <a:srgbClr val="006647">
                    <a:tint val="75000"/>
                  </a:srgbClr>
                </a:solidFill>
              </a:rPr>
              <a:pPr/>
              <a:t>2/20/2018</a:t>
            </a:fld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srgbClr val="006647">
                  <a:tint val="75000"/>
                </a:srgbClr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614" t="8765" r="10207" b="12708"/>
          <a:stretch/>
        </p:blipFill>
        <p:spPr>
          <a:xfrm>
            <a:off x="10603685" y="6132353"/>
            <a:ext cx="1518407" cy="725648"/>
          </a:xfrm>
          <a:prstGeom prst="rect">
            <a:avLst/>
          </a:prstGeom>
        </p:spPr>
      </p:pic>
      <p:sp>
        <p:nvSpPr>
          <p:cNvPr id="9" name="Rectangle 8"/>
          <p:cNvSpPr/>
          <p:nvPr userDrawn="1"/>
        </p:nvSpPr>
        <p:spPr>
          <a:xfrm>
            <a:off x="0" y="0"/>
            <a:ext cx="12192000" cy="10953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52969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84" r:id="rId2"/>
    <p:sldLayoutId id="2147483685" r:id="rId3"/>
    <p:sldLayoutId id="2147483686" r:id="rId4"/>
    <p:sldLayoutId id="2147483687" r:id="rId5"/>
    <p:sldLayoutId id="2147483688" r:id="rId6"/>
    <p:sldLayoutId id="2147483689" r:id="rId7"/>
    <p:sldLayoutId id="2147483690" r:id="rId8"/>
    <p:sldLayoutId id="2147483691" r:id="rId9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Arial Black" panose="020B0A0402010202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rial Black" panose="020B0A04020102020204" pitchFamily="34" charset="0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i="1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3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3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3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3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3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3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3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18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1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2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2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2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2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22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7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21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22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2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22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22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22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7.xml"/><Relationship Id="rId1" Type="http://schemas.openxmlformats.org/officeDocument/2006/relationships/slideLayout" Target="../slideLayouts/slideLayout22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8.xml"/><Relationship Id="rId1" Type="http://schemas.openxmlformats.org/officeDocument/2006/relationships/slideLayout" Target="../slideLayouts/slideLayout27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9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0.xml"/><Relationship Id="rId1" Type="http://schemas.openxmlformats.org/officeDocument/2006/relationships/slideLayout" Target="../slideLayouts/slideLayout2.xml"/></Relationships>
</file>

<file path=ppt/slides/_rels/slide5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1.xml"/><Relationship Id="rId1" Type="http://schemas.openxmlformats.org/officeDocument/2006/relationships/slideLayout" Target="../slideLayouts/slideLayout2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52.xml"/><Relationship Id="rId1" Type="http://schemas.openxmlformats.org/officeDocument/2006/relationships/slideLayout" Target="../slideLayouts/slideLayout2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notesSlide" Target="../notesSlides/notesSlide53.xml"/><Relationship Id="rId1" Type="http://schemas.openxmlformats.org/officeDocument/2006/relationships/slideLayout" Target="../slideLayouts/slideLayout2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notesSlide" Target="../notesSlides/notesSlide54.xml"/><Relationship Id="rId1" Type="http://schemas.openxmlformats.org/officeDocument/2006/relationships/slideLayout" Target="../slideLayouts/slideLayout2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notesSlide" Target="../notesSlides/notesSlide55.xml"/><Relationship Id="rId1" Type="http://schemas.openxmlformats.org/officeDocument/2006/relationships/slideLayout" Target="../slideLayouts/slideLayout2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g"/><Relationship Id="rId2" Type="http://schemas.openxmlformats.org/officeDocument/2006/relationships/notesSlide" Target="../notesSlides/notesSlide56.xml"/><Relationship Id="rId1" Type="http://schemas.openxmlformats.org/officeDocument/2006/relationships/slideLayout" Target="../slideLayouts/slideLayout2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2" Type="http://schemas.openxmlformats.org/officeDocument/2006/relationships/notesSlide" Target="../notesSlides/notesSlide57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notesSlide" Target="../notesSlides/notesSlide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21574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8262" y="188930"/>
            <a:ext cx="10515600" cy="998454"/>
          </a:xfrm>
        </p:spPr>
        <p:txBody>
          <a:bodyPr/>
          <a:lstStyle/>
          <a:p>
            <a:r>
              <a:rPr lang="en-US" dirty="0" smtClean="0"/>
              <a:t>Meeting Layout</a:t>
            </a:r>
            <a:endParaRPr lang="en-US" dirty="0"/>
          </a:p>
        </p:txBody>
      </p:sp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1645958323"/>
              </p:ext>
            </p:extLst>
          </p:nvPr>
        </p:nvGraphicFramePr>
        <p:xfrm>
          <a:off x="103031" y="782424"/>
          <a:ext cx="12088969" cy="488308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11171597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67824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Revised Plan Out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3602038"/>
            <a:ext cx="12192000" cy="1655762"/>
          </a:xfrm>
        </p:spPr>
        <p:txBody>
          <a:bodyPr/>
          <a:lstStyle/>
          <a:p>
            <a:r>
              <a:rPr lang="en-US" dirty="0" smtClean="0"/>
              <a:t>February 20, 2018 </a:t>
            </a:r>
            <a:r>
              <a:rPr lang="en-US" dirty="0"/>
              <a:t>| </a:t>
            </a:r>
            <a:r>
              <a:rPr lang="en-US" dirty="0" smtClean="0"/>
              <a:t>Comprehensive Plan Stakeholders Committe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3941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riginal Plan Out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 smtClean="0"/>
              <a:t>Executive Summary</a:t>
            </a:r>
          </a:p>
          <a:p>
            <a:r>
              <a:rPr lang="en-US" dirty="0" smtClean="0"/>
              <a:t>Introduction</a:t>
            </a:r>
          </a:p>
          <a:p>
            <a:r>
              <a:rPr lang="en-US" dirty="0" smtClean="0"/>
              <a:t>Shape</a:t>
            </a:r>
          </a:p>
          <a:p>
            <a:r>
              <a:rPr lang="en-US" dirty="0" smtClean="0"/>
              <a:t>Sustain</a:t>
            </a:r>
          </a:p>
          <a:p>
            <a:r>
              <a:rPr lang="en-US" dirty="0" smtClean="0"/>
              <a:t>Compete</a:t>
            </a:r>
          </a:p>
          <a:p>
            <a:r>
              <a:rPr lang="en-US" dirty="0" smtClean="0"/>
              <a:t>Connect</a:t>
            </a:r>
          </a:p>
          <a:p>
            <a:r>
              <a:rPr lang="en-US" dirty="0" smtClean="0"/>
              <a:t>Support</a:t>
            </a:r>
          </a:p>
          <a:p>
            <a:r>
              <a:rPr lang="en-US" dirty="0" smtClean="0"/>
              <a:t>Implementation</a:t>
            </a:r>
          </a:p>
          <a:p>
            <a:r>
              <a:rPr lang="en-US" dirty="0" smtClean="0"/>
              <a:t>Appendic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786346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vised Plan Out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dirty="0" smtClean="0"/>
              <a:t>Executive Summary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Introduction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Built Environment/Land Use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Natural &amp; Heritage Resources</a:t>
            </a:r>
            <a:endParaRPr lang="en-US" dirty="0"/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Housing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Economic </a:t>
            </a:r>
            <a:r>
              <a:rPr lang="en-US" dirty="0"/>
              <a:t>Development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Fiscal Management &amp; Facilities</a:t>
            </a:r>
            <a:endParaRPr lang="en-US" dirty="0"/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Implementation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Appendic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707308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vised Plan Out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Executive Summary</a:t>
            </a:r>
          </a:p>
          <a:p>
            <a:r>
              <a:rPr lang="en-US" dirty="0" smtClean="0"/>
              <a:t>Introduction</a:t>
            </a:r>
          </a:p>
          <a:p>
            <a:pPr lvl="1"/>
            <a:r>
              <a:rPr lang="en-US" dirty="0" smtClean="0"/>
              <a:t>Project Description</a:t>
            </a:r>
          </a:p>
          <a:p>
            <a:pPr lvl="1"/>
            <a:r>
              <a:rPr lang="en-US" dirty="0" smtClean="0"/>
              <a:t>Basis for the Plan</a:t>
            </a:r>
          </a:p>
          <a:p>
            <a:pPr lvl="1"/>
            <a:r>
              <a:rPr lang="en-US" dirty="0" smtClean="0"/>
              <a:t>Public Input</a:t>
            </a:r>
          </a:p>
          <a:p>
            <a:pPr lvl="1"/>
            <a:r>
              <a:rPr lang="en-US" dirty="0" smtClean="0"/>
              <a:t>How to Use the Plan &amp; Relationship to Other Documents</a:t>
            </a:r>
          </a:p>
          <a:p>
            <a:pPr lvl="1"/>
            <a:r>
              <a:rPr lang="en-US" dirty="0" smtClean="0"/>
              <a:t>Community Identity</a:t>
            </a:r>
          </a:p>
          <a:p>
            <a:pPr lvl="1"/>
            <a:r>
              <a:rPr lang="en-US" dirty="0" smtClean="0"/>
              <a:t>Vision &amp; Goals</a:t>
            </a:r>
          </a:p>
        </p:txBody>
      </p:sp>
    </p:spTree>
    <p:extLst>
      <p:ext uri="{BB962C8B-B14F-4D97-AF65-F5344CB8AC3E}">
        <p14:creationId xmlns:p14="http://schemas.microsoft.com/office/powerpoint/2010/main" val="12323994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vised Plan Out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Built Environment/Land Use</a:t>
            </a:r>
          </a:p>
          <a:p>
            <a:pPr lvl="1"/>
            <a:r>
              <a:rPr lang="en-US" dirty="0" smtClean="0"/>
              <a:t>Community Framework (Policy Areas &amp; Place Types)</a:t>
            </a:r>
          </a:p>
          <a:p>
            <a:pPr lvl="1"/>
            <a:r>
              <a:rPr lang="en-US" dirty="0" smtClean="0"/>
              <a:t>Urban Policy Area</a:t>
            </a:r>
          </a:p>
          <a:p>
            <a:pPr lvl="1"/>
            <a:r>
              <a:rPr lang="en-US" u="sng" dirty="0" smtClean="0"/>
              <a:t>Suburban Policy Area</a:t>
            </a:r>
          </a:p>
          <a:p>
            <a:pPr lvl="1"/>
            <a:r>
              <a:rPr lang="en-US" u="sng" dirty="0" smtClean="0"/>
              <a:t>Transition Policy Area</a:t>
            </a:r>
          </a:p>
          <a:p>
            <a:pPr lvl="1"/>
            <a:r>
              <a:rPr lang="en-US" dirty="0" smtClean="0"/>
              <a:t>Rural Policy Area (incl. Villages)</a:t>
            </a:r>
          </a:p>
          <a:p>
            <a:pPr lvl="1"/>
            <a:r>
              <a:rPr lang="en-US" dirty="0" smtClean="0"/>
              <a:t>Towns &amp; JLMA</a:t>
            </a:r>
          </a:p>
          <a:p>
            <a:pPr lvl="1"/>
            <a:r>
              <a:rPr lang="en-US" u="sng" dirty="0"/>
              <a:t>Growth Management</a:t>
            </a:r>
          </a:p>
          <a:p>
            <a:pPr lvl="1"/>
            <a:r>
              <a:rPr lang="en-US" dirty="0"/>
              <a:t>Community Vitality (</a:t>
            </a:r>
            <a:r>
              <a:rPr lang="en-US" u="sng" dirty="0"/>
              <a:t>Redevelopment, Infill,</a:t>
            </a:r>
            <a:r>
              <a:rPr lang="en-US" dirty="0"/>
              <a:t> etc.)</a:t>
            </a:r>
          </a:p>
          <a:p>
            <a:pPr lvl="1"/>
            <a:r>
              <a:rPr lang="en-US" u="sng" dirty="0"/>
              <a:t>Quality Development</a:t>
            </a:r>
          </a:p>
          <a:p>
            <a:pPr lvl="1"/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4038195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vised Plan Out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Natural &amp; Heritage Resources</a:t>
            </a:r>
            <a:br>
              <a:rPr lang="en-US" dirty="0" smtClean="0"/>
            </a:br>
            <a:r>
              <a:rPr lang="en-US" i="1" dirty="0" smtClean="0"/>
              <a:t>	</a:t>
            </a:r>
            <a:r>
              <a:rPr lang="en-US" sz="2400" i="1" dirty="0" smtClean="0">
                <a:latin typeface="Arial" panose="020B0604020202020204" pitchFamily="34" charset="0"/>
                <a:cs typeface="Arial" panose="020B0604020202020204" pitchFamily="34" charset="0"/>
              </a:rPr>
              <a:t>(Green Infrastructure)</a:t>
            </a:r>
          </a:p>
          <a:p>
            <a:r>
              <a:rPr lang="en-US" u="sng" dirty="0" smtClean="0"/>
              <a:t>Housing</a:t>
            </a:r>
          </a:p>
          <a:p>
            <a:r>
              <a:rPr lang="en-US" u="sng" dirty="0" smtClean="0"/>
              <a:t>Economic Development</a:t>
            </a:r>
          </a:p>
          <a:p>
            <a:r>
              <a:rPr lang="en-US" u="sng" dirty="0"/>
              <a:t>Fiscal Management &amp; Facilities</a:t>
            </a:r>
          </a:p>
          <a:p>
            <a:pPr lvl="1"/>
            <a:r>
              <a:rPr lang="en-US" dirty="0" smtClean="0"/>
              <a:t>Funding &amp; Budgeting</a:t>
            </a:r>
          </a:p>
          <a:p>
            <a:pPr lvl="1"/>
            <a:r>
              <a:rPr lang="en-US" dirty="0" smtClean="0"/>
              <a:t>Public Facilities</a:t>
            </a:r>
          </a:p>
          <a:p>
            <a:pPr lvl="1"/>
            <a:r>
              <a:rPr lang="en-US" dirty="0" smtClean="0"/>
              <a:t>Utilities &amp; Infrastructure</a:t>
            </a:r>
          </a:p>
          <a:p>
            <a:pPr lvl="1"/>
            <a:r>
              <a:rPr lang="en-US" dirty="0" smtClean="0"/>
              <a:t>Reference to New Transportation Plan</a:t>
            </a:r>
          </a:p>
        </p:txBody>
      </p:sp>
    </p:spTree>
    <p:extLst>
      <p:ext uri="{BB962C8B-B14F-4D97-AF65-F5344CB8AC3E}">
        <p14:creationId xmlns:p14="http://schemas.microsoft.com/office/powerpoint/2010/main" val="8633351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vised Plan Outlin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Implementation</a:t>
            </a:r>
          </a:p>
          <a:p>
            <a:pPr lvl="1"/>
            <a:r>
              <a:rPr lang="en-US" dirty="0" smtClean="0"/>
              <a:t>Future Actions Table</a:t>
            </a:r>
          </a:p>
          <a:p>
            <a:pPr lvl="1"/>
            <a:r>
              <a:rPr lang="en-US" dirty="0" smtClean="0"/>
              <a:t>Development Guidelines</a:t>
            </a:r>
          </a:p>
          <a:p>
            <a:r>
              <a:rPr lang="en-US" dirty="0" smtClean="0"/>
              <a:t>Appendices</a:t>
            </a:r>
          </a:p>
          <a:p>
            <a:pPr lvl="1"/>
            <a:r>
              <a:rPr lang="en-US" dirty="0" smtClean="0"/>
              <a:t>Foundations Report</a:t>
            </a:r>
          </a:p>
          <a:p>
            <a:pPr lvl="1"/>
            <a:r>
              <a:rPr lang="en-US" dirty="0" smtClean="0"/>
              <a:t>Compendium of Public Inpu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32925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65485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Comprehensive Plan Stakeholders Committee Meeting</a:t>
            </a:r>
            <a:endParaRPr lang="en-US" dirty="0"/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 dirty="0" smtClean="0"/>
          </a:p>
          <a:p>
            <a:r>
              <a:rPr lang="en-US" dirty="0" smtClean="0"/>
              <a:t>February 20, 2018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066348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Policy Carryover Task Updat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3602038"/>
            <a:ext cx="12192000" cy="1655762"/>
          </a:xfrm>
        </p:spPr>
        <p:txBody>
          <a:bodyPr/>
          <a:lstStyle/>
          <a:p>
            <a:r>
              <a:rPr lang="en-US" dirty="0" smtClean="0"/>
              <a:t>February 20, 2018 | Comprehensive Plan Stakeholders Committe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20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70606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1039132"/>
          </a:xfrm>
        </p:spPr>
        <p:txBody>
          <a:bodyPr/>
          <a:lstStyle/>
          <a:p>
            <a:r>
              <a:rPr lang="en-US" dirty="0" smtClean="0"/>
              <a:t>Reminder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404257"/>
            <a:ext cx="11004030" cy="4952093"/>
          </a:xfrm>
        </p:spPr>
        <p:txBody>
          <a:bodyPr>
            <a:normAutofit fontScale="85000" lnSpcReduction="20000"/>
          </a:bodyPr>
          <a:lstStyle/>
          <a:p>
            <a:pPr marL="0" indent="0">
              <a:buNone/>
            </a:pPr>
            <a:r>
              <a:rPr lang="en-US" dirty="0" smtClean="0"/>
              <a:t>Working Policy Structure:</a:t>
            </a:r>
          </a:p>
          <a:p>
            <a:pPr lvl="1"/>
            <a:r>
              <a:rPr lang="en-US" b="1" dirty="0" smtClean="0"/>
              <a:t>Vision → Goals → </a:t>
            </a:r>
            <a:r>
              <a:rPr lang="en-US" b="1" dirty="0" smtClean="0">
                <a:solidFill>
                  <a:srgbClr val="006647"/>
                </a:solidFill>
              </a:rPr>
              <a:t>Policies </a:t>
            </a:r>
            <a:r>
              <a:rPr lang="en-US" b="1" dirty="0" smtClean="0"/>
              <a:t>→ </a:t>
            </a:r>
            <a:r>
              <a:rPr lang="en-US" b="1" dirty="0" smtClean="0">
                <a:solidFill>
                  <a:srgbClr val="FFA400"/>
                </a:solidFill>
              </a:rPr>
              <a:t>Implementation Steps e.g. </a:t>
            </a:r>
            <a:r>
              <a:rPr lang="en-US" b="1" dirty="0">
                <a:solidFill>
                  <a:srgbClr val="FFA400"/>
                </a:solidFill>
              </a:rPr>
              <a:t>Strategies </a:t>
            </a:r>
            <a:r>
              <a:rPr lang="en-US" b="1" dirty="0" smtClean="0">
                <a:solidFill>
                  <a:srgbClr val="FFA400"/>
                </a:solidFill>
              </a:rPr>
              <a:t>&amp; Actions (S&amp;A)</a:t>
            </a:r>
          </a:p>
          <a:p>
            <a:pPr marL="457200" lvl="1" indent="0">
              <a:buNone/>
            </a:pPr>
            <a:endParaRPr lang="en-US" sz="1400" b="1" dirty="0" smtClean="0">
              <a:solidFill>
                <a:srgbClr val="FFA400"/>
              </a:solidFill>
            </a:endParaRPr>
          </a:p>
          <a:p>
            <a:pPr marL="0" indent="0" fontAlgn="ctr">
              <a:buNone/>
            </a:pPr>
            <a:r>
              <a:rPr lang="en-US" dirty="0" smtClean="0"/>
              <a:t>Policy development is an iterative process:</a:t>
            </a:r>
          </a:p>
          <a:p>
            <a:pPr lvl="1" fontAlgn="ctr"/>
            <a:r>
              <a:rPr lang="en-US" b="1" dirty="0" smtClean="0"/>
              <a:t>Refinement will continue through the process</a:t>
            </a:r>
            <a:endParaRPr lang="en-US" b="1" dirty="0"/>
          </a:p>
          <a:p>
            <a:pPr marL="0" indent="0">
              <a:buNone/>
            </a:pPr>
            <a:endParaRPr lang="en-US" sz="1400" dirty="0" smtClean="0"/>
          </a:p>
          <a:p>
            <a:pPr marL="0" indent="0">
              <a:buNone/>
            </a:pPr>
            <a:r>
              <a:rPr lang="en-US" dirty="0"/>
              <a:t>Topics Reviewed by Subcommittee: </a:t>
            </a:r>
          </a:p>
          <a:p>
            <a:pPr lvl="1" fontAlgn="ctr"/>
            <a:r>
              <a:rPr lang="en-US" b="1" dirty="0" smtClean="0"/>
              <a:t>Rural Policy Area (RPA) </a:t>
            </a:r>
            <a:r>
              <a:rPr lang="en-US" b="1" dirty="0"/>
              <a:t>&amp; Villages</a:t>
            </a:r>
          </a:p>
          <a:p>
            <a:pPr lvl="1" fontAlgn="ctr"/>
            <a:r>
              <a:rPr lang="en-US" b="1" dirty="0"/>
              <a:t>Towns &amp; </a:t>
            </a:r>
            <a:r>
              <a:rPr lang="en-US" b="1" dirty="0" smtClean="0"/>
              <a:t>Joint Land Management Areas (JLMAs)</a:t>
            </a:r>
            <a:endParaRPr lang="en-US" b="1" dirty="0"/>
          </a:p>
          <a:p>
            <a:pPr lvl="1" fontAlgn="ctr"/>
            <a:r>
              <a:rPr lang="en-US" b="1" dirty="0"/>
              <a:t>Green </a:t>
            </a:r>
            <a:r>
              <a:rPr lang="en-US" b="1" dirty="0" smtClean="0"/>
              <a:t>Infrastructure (GI)</a:t>
            </a:r>
            <a:endParaRPr lang="en-US" b="1" dirty="0"/>
          </a:p>
          <a:p>
            <a:pPr lvl="1" fontAlgn="ctr"/>
            <a:r>
              <a:rPr lang="en-US" b="1" dirty="0"/>
              <a:t>Growth Management </a:t>
            </a:r>
            <a:r>
              <a:rPr lang="en-US" b="1" dirty="0" smtClean="0"/>
              <a:t>(GM)</a:t>
            </a:r>
            <a:endParaRPr lang="en-US" b="1" dirty="0"/>
          </a:p>
          <a:p>
            <a:pPr lvl="1" fontAlgn="ctr"/>
            <a:r>
              <a:rPr lang="en-US" b="1" dirty="0"/>
              <a:t>Redevelopment, Revitalization &amp; </a:t>
            </a:r>
            <a:r>
              <a:rPr lang="en-US" b="1" dirty="0" smtClean="0"/>
              <a:t>Infill (RRI)</a:t>
            </a:r>
            <a:endParaRPr lang="en-US" b="1" dirty="0"/>
          </a:p>
          <a:p>
            <a:pPr marL="0" indent="0">
              <a:buNone/>
            </a:pPr>
            <a:endParaRPr lang="en-US" sz="1400" dirty="0"/>
          </a:p>
          <a:p>
            <a:pPr marL="0" indent="0">
              <a:buNone/>
            </a:pPr>
            <a:r>
              <a:rPr lang="en-US" dirty="0"/>
              <a:t>Topics Reviewed by other Subcommittees: </a:t>
            </a:r>
          </a:p>
          <a:p>
            <a:pPr lvl="1" fontAlgn="ctr"/>
            <a:r>
              <a:rPr lang="en-US" b="1" dirty="0"/>
              <a:t>Housing</a:t>
            </a:r>
          </a:p>
          <a:p>
            <a:pPr lvl="1"/>
            <a:r>
              <a:rPr lang="en-US" b="1" dirty="0"/>
              <a:t>Economic </a:t>
            </a:r>
            <a:r>
              <a:rPr lang="en-US" b="1" dirty="0" smtClean="0"/>
              <a:t>Development (ED)</a:t>
            </a:r>
            <a:endParaRPr lang="en-US" b="1" dirty="0"/>
          </a:p>
          <a:p>
            <a:pPr marL="0" indent="0" fontAlgn="ctr">
              <a:buNone/>
            </a:pPr>
            <a:endParaRPr lang="en-US" dirty="0" smtClean="0"/>
          </a:p>
          <a:p>
            <a:pPr marL="0" indent="0" fontAlgn="ctr">
              <a:buNone/>
            </a:pP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21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9339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ln>
            <a:noFill/>
          </a:ln>
        </p:spPr>
        <p:txBody>
          <a:bodyPr/>
          <a:lstStyle/>
          <a:p>
            <a:endParaRPr lang="en-US" dirty="0"/>
          </a:p>
          <a:p>
            <a:pPr lvl="0"/>
            <a:endParaRPr lang="en-US" dirty="0" smtClean="0"/>
          </a:p>
          <a:p>
            <a:endParaRPr lang="en-US" dirty="0" smtClean="0"/>
          </a:p>
          <a:p>
            <a:endParaRPr lang="en-US" dirty="0"/>
          </a:p>
          <a:p>
            <a:endParaRPr lang="en-US" dirty="0" smtClean="0"/>
          </a:p>
          <a:p>
            <a:endParaRPr lang="en-US" dirty="0"/>
          </a:p>
        </p:txBody>
      </p:sp>
      <p:grpSp>
        <p:nvGrpSpPr>
          <p:cNvPr id="7" name="Group 6"/>
          <p:cNvGrpSpPr/>
          <p:nvPr/>
        </p:nvGrpSpPr>
        <p:grpSpPr>
          <a:xfrm>
            <a:off x="295155" y="2047271"/>
            <a:ext cx="11855727" cy="4129692"/>
            <a:chOff x="336273" y="1100977"/>
            <a:chExt cx="11828745" cy="4129692"/>
          </a:xfrm>
        </p:grpSpPr>
        <p:sp>
          <p:nvSpPr>
            <p:cNvPr id="9" name="Right Arrow 8"/>
            <p:cNvSpPr/>
            <p:nvPr/>
          </p:nvSpPr>
          <p:spPr>
            <a:xfrm>
              <a:off x="336273" y="1100977"/>
              <a:ext cx="11828745" cy="4129692"/>
            </a:xfrm>
            <a:prstGeom prst="rightArrow">
              <a:avLst/>
            </a:prstGeom>
            <a:blipFill rotWithShape="0">
              <a:blip r:embed="rId3"/>
              <a:stretch>
                <a:fillRect/>
              </a:stretch>
            </a:blipFill>
          </p:spPr>
          <p:style>
            <a:lnRef idx="0">
              <a:schemeClr val="accent1">
                <a:hueOff val="0"/>
                <a:satOff val="0"/>
                <a:lumOff val="0"/>
                <a:alphaOff val="0"/>
              </a:schemeClr>
            </a:lnRef>
            <a:fillRef idx="1">
              <a:scrgbClr r="0" g="0" b="0"/>
            </a:fillRef>
            <a:effectRef idx="0">
              <a:schemeClr val="accent1"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7" name="Freeform 16"/>
            <p:cNvSpPr/>
            <p:nvPr/>
          </p:nvSpPr>
          <p:spPr>
            <a:xfrm>
              <a:off x="339437" y="2339884"/>
              <a:ext cx="1842099" cy="1651876"/>
            </a:xfrm>
            <a:custGeom>
              <a:avLst/>
              <a:gdLst>
                <a:gd name="connsiteX0" fmla="*/ 0 w 1842099"/>
                <a:gd name="connsiteY0" fmla="*/ 275318 h 1651876"/>
                <a:gd name="connsiteX1" fmla="*/ 275318 w 1842099"/>
                <a:gd name="connsiteY1" fmla="*/ 0 h 1651876"/>
                <a:gd name="connsiteX2" fmla="*/ 1566781 w 1842099"/>
                <a:gd name="connsiteY2" fmla="*/ 0 h 1651876"/>
                <a:gd name="connsiteX3" fmla="*/ 1842099 w 1842099"/>
                <a:gd name="connsiteY3" fmla="*/ 275318 h 1651876"/>
                <a:gd name="connsiteX4" fmla="*/ 1842099 w 1842099"/>
                <a:gd name="connsiteY4" fmla="*/ 1376558 h 1651876"/>
                <a:gd name="connsiteX5" fmla="*/ 1566781 w 1842099"/>
                <a:gd name="connsiteY5" fmla="*/ 1651876 h 1651876"/>
                <a:gd name="connsiteX6" fmla="*/ 275318 w 1842099"/>
                <a:gd name="connsiteY6" fmla="*/ 1651876 h 1651876"/>
                <a:gd name="connsiteX7" fmla="*/ 0 w 1842099"/>
                <a:gd name="connsiteY7" fmla="*/ 1376558 h 1651876"/>
                <a:gd name="connsiteX8" fmla="*/ 0 w 1842099"/>
                <a:gd name="connsiteY8" fmla="*/ 275318 h 16518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842099" h="1651876">
                  <a:moveTo>
                    <a:pt x="0" y="275318"/>
                  </a:moveTo>
                  <a:cubicBezTo>
                    <a:pt x="0" y="123264"/>
                    <a:pt x="123264" y="0"/>
                    <a:pt x="275318" y="0"/>
                  </a:cubicBezTo>
                  <a:lnTo>
                    <a:pt x="1566781" y="0"/>
                  </a:lnTo>
                  <a:cubicBezTo>
                    <a:pt x="1718835" y="0"/>
                    <a:pt x="1842099" y="123264"/>
                    <a:pt x="1842099" y="275318"/>
                  </a:cubicBezTo>
                  <a:lnTo>
                    <a:pt x="1842099" y="1376558"/>
                  </a:lnTo>
                  <a:cubicBezTo>
                    <a:pt x="1842099" y="1528612"/>
                    <a:pt x="1718835" y="1651876"/>
                    <a:pt x="1566781" y="1651876"/>
                  </a:cubicBezTo>
                  <a:lnTo>
                    <a:pt x="275318" y="1651876"/>
                  </a:lnTo>
                  <a:cubicBezTo>
                    <a:pt x="123264" y="1651876"/>
                    <a:pt x="0" y="1528612"/>
                    <a:pt x="0" y="1376558"/>
                  </a:cubicBezTo>
                  <a:lnTo>
                    <a:pt x="0" y="275318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87318" tIns="187318" rIns="187318" bIns="187318" numCol="1" spcCol="1270" anchor="ctr" anchorCtr="0">
              <a:noAutofit/>
            </a:bodyPr>
            <a:lstStyle/>
            <a:p>
              <a:pPr algn="ctr" defTabSz="12446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800" dirty="0" smtClean="0">
                  <a:solidFill>
                    <a:srgbClr val="FFFFFF"/>
                  </a:solidFill>
                </a:rPr>
                <a:t>County Staff</a:t>
              </a:r>
              <a:endParaRPr lang="en-US" sz="2800" dirty="0">
                <a:solidFill>
                  <a:srgbClr val="FFFFFF"/>
                </a:solidFill>
              </a:endParaRPr>
            </a:p>
          </p:txBody>
        </p:sp>
        <p:sp>
          <p:nvSpPr>
            <p:cNvPr id="18" name="Freeform 17"/>
            <p:cNvSpPr/>
            <p:nvPr/>
          </p:nvSpPr>
          <p:spPr>
            <a:xfrm>
              <a:off x="2273642" y="2339884"/>
              <a:ext cx="1842099" cy="1651876"/>
            </a:xfrm>
            <a:custGeom>
              <a:avLst/>
              <a:gdLst>
                <a:gd name="connsiteX0" fmla="*/ 0 w 1842099"/>
                <a:gd name="connsiteY0" fmla="*/ 275318 h 1651876"/>
                <a:gd name="connsiteX1" fmla="*/ 275318 w 1842099"/>
                <a:gd name="connsiteY1" fmla="*/ 0 h 1651876"/>
                <a:gd name="connsiteX2" fmla="*/ 1566781 w 1842099"/>
                <a:gd name="connsiteY2" fmla="*/ 0 h 1651876"/>
                <a:gd name="connsiteX3" fmla="*/ 1842099 w 1842099"/>
                <a:gd name="connsiteY3" fmla="*/ 275318 h 1651876"/>
                <a:gd name="connsiteX4" fmla="*/ 1842099 w 1842099"/>
                <a:gd name="connsiteY4" fmla="*/ 1376558 h 1651876"/>
                <a:gd name="connsiteX5" fmla="*/ 1566781 w 1842099"/>
                <a:gd name="connsiteY5" fmla="*/ 1651876 h 1651876"/>
                <a:gd name="connsiteX6" fmla="*/ 275318 w 1842099"/>
                <a:gd name="connsiteY6" fmla="*/ 1651876 h 1651876"/>
                <a:gd name="connsiteX7" fmla="*/ 0 w 1842099"/>
                <a:gd name="connsiteY7" fmla="*/ 1376558 h 1651876"/>
                <a:gd name="connsiteX8" fmla="*/ 0 w 1842099"/>
                <a:gd name="connsiteY8" fmla="*/ 275318 h 16518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842099" h="1651876">
                  <a:moveTo>
                    <a:pt x="0" y="275318"/>
                  </a:moveTo>
                  <a:cubicBezTo>
                    <a:pt x="0" y="123264"/>
                    <a:pt x="123264" y="0"/>
                    <a:pt x="275318" y="0"/>
                  </a:cubicBezTo>
                  <a:lnTo>
                    <a:pt x="1566781" y="0"/>
                  </a:lnTo>
                  <a:cubicBezTo>
                    <a:pt x="1718835" y="0"/>
                    <a:pt x="1842099" y="123264"/>
                    <a:pt x="1842099" y="275318"/>
                  </a:cubicBezTo>
                  <a:lnTo>
                    <a:pt x="1842099" y="1376558"/>
                  </a:lnTo>
                  <a:cubicBezTo>
                    <a:pt x="1842099" y="1528612"/>
                    <a:pt x="1718835" y="1651876"/>
                    <a:pt x="1566781" y="1651876"/>
                  </a:cubicBezTo>
                  <a:lnTo>
                    <a:pt x="275318" y="1651876"/>
                  </a:lnTo>
                  <a:cubicBezTo>
                    <a:pt x="123264" y="1651876"/>
                    <a:pt x="0" y="1528612"/>
                    <a:pt x="0" y="1376558"/>
                  </a:cubicBezTo>
                  <a:lnTo>
                    <a:pt x="0" y="275318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87318" tIns="187318" rIns="187318" bIns="187318" numCol="1" spcCol="1270" anchor="ctr" anchorCtr="0">
              <a:noAutofit/>
            </a:bodyPr>
            <a:lstStyle/>
            <a:p>
              <a:pPr algn="ctr" defTabSz="12446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800" dirty="0" smtClean="0">
                  <a:solidFill>
                    <a:srgbClr val="FFFFFF"/>
                  </a:solidFill>
                </a:rPr>
                <a:t>STAC</a:t>
              </a:r>
              <a:endParaRPr lang="en-US" sz="2800" dirty="0">
                <a:solidFill>
                  <a:srgbClr val="FFFFFF"/>
                </a:solidFill>
              </a:endParaRPr>
            </a:p>
          </p:txBody>
        </p:sp>
        <p:sp>
          <p:nvSpPr>
            <p:cNvPr id="19" name="Freeform 18"/>
            <p:cNvSpPr/>
            <p:nvPr/>
          </p:nvSpPr>
          <p:spPr>
            <a:xfrm>
              <a:off x="4207847" y="2339884"/>
              <a:ext cx="1842099" cy="1651876"/>
            </a:xfrm>
            <a:custGeom>
              <a:avLst/>
              <a:gdLst>
                <a:gd name="connsiteX0" fmla="*/ 0 w 1842099"/>
                <a:gd name="connsiteY0" fmla="*/ 275318 h 1651876"/>
                <a:gd name="connsiteX1" fmla="*/ 275318 w 1842099"/>
                <a:gd name="connsiteY1" fmla="*/ 0 h 1651876"/>
                <a:gd name="connsiteX2" fmla="*/ 1566781 w 1842099"/>
                <a:gd name="connsiteY2" fmla="*/ 0 h 1651876"/>
                <a:gd name="connsiteX3" fmla="*/ 1842099 w 1842099"/>
                <a:gd name="connsiteY3" fmla="*/ 275318 h 1651876"/>
                <a:gd name="connsiteX4" fmla="*/ 1842099 w 1842099"/>
                <a:gd name="connsiteY4" fmla="*/ 1376558 h 1651876"/>
                <a:gd name="connsiteX5" fmla="*/ 1566781 w 1842099"/>
                <a:gd name="connsiteY5" fmla="*/ 1651876 h 1651876"/>
                <a:gd name="connsiteX6" fmla="*/ 275318 w 1842099"/>
                <a:gd name="connsiteY6" fmla="*/ 1651876 h 1651876"/>
                <a:gd name="connsiteX7" fmla="*/ 0 w 1842099"/>
                <a:gd name="connsiteY7" fmla="*/ 1376558 h 1651876"/>
                <a:gd name="connsiteX8" fmla="*/ 0 w 1842099"/>
                <a:gd name="connsiteY8" fmla="*/ 275318 h 16518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842099" h="1651876">
                  <a:moveTo>
                    <a:pt x="0" y="275318"/>
                  </a:moveTo>
                  <a:cubicBezTo>
                    <a:pt x="0" y="123264"/>
                    <a:pt x="123264" y="0"/>
                    <a:pt x="275318" y="0"/>
                  </a:cubicBezTo>
                  <a:lnTo>
                    <a:pt x="1566781" y="0"/>
                  </a:lnTo>
                  <a:cubicBezTo>
                    <a:pt x="1718835" y="0"/>
                    <a:pt x="1842099" y="123264"/>
                    <a:pt x="1842099" y="275318"/>
                  </a:cubicBezTo>
                  <a:lnTo>
                    <a:pt x="1842099" y="1376558"/>
                  </a:lnTo>
                  <a:cubicBezTo>
                    <a:pt x="1842099" y="1528612"/>
                    <a:pt x="1718835" y="1651876"/>
                    <a:pt x="1566781" y="1651876"/>
                  </a:cubicBezTo>
                  <a:lnTo>
                    <a:pt x="275318" y="1651876"/>
                  </a:lnTo>
                  <a:cubicBezTo>
                    <a:pt x="123264" y="1651876"/>
                    <a:pt x="0" y="1528612"/>
                    <a:pt x="0" y="1376558"/>
                  </a:cubicBezTo>
                  <a:lnTo>
                    <a:pt x="0" y="275318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56838" tIns="156838" rIns="156838" bIns="156838" numCol="1" spcCol="1270" anchor="ctr" anchorCtr="0">
              <a:noAutofit/>
            </a:bodyPr>
            <a:lstStyle/>
            <a:p>
              <a:pPr algn="ctr" defTabSz="8890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000" dirty="0" smtClean="0">
                  <a:solidFill>
                    <a:srgbClr val="FFFFFF"/>
                  </a:solidFill>
                </a:rPr>
                <a:t>Policy Carryover Subcommittee</a:t>
              </a:r>
              <a:endParaRPr lang="en-US" sz="2000" dirty="0">
                <a:solidFill>
                  <a:srgbClr val="FFFFFF"/>
                </a:solidFill>
              </a:endParaRPr>
            </a:p>
          </p:txBody>
        </p:sp>
        <p:sp>
          <p:nvSpPr>
            <p:cNvPr id="20" name="Freeform 19"/>
            <p:cNvSpPr/>
            <p:nvPr/>
          </p:nvSpPr>
          <p:spPr>
            <a:xfrm>
              <a:off x="6142052" y="2339884"/>
              <a:ext cx="1842099" cy="1651876"/>
            </a:xfrm>
            <a:custGeom>
              <a:avLst/>
              <a:gdLst>
                <a:gd name="connsiteX0" fmla="*/ 0 w 1842099"/>
                <a:gd name="connsiteY0" fmla="*/ 275318 h 1651876"/>
                <a:gd name="connsiteX1" fmla="*/ 275318 w 1842099"/>
                <a:gd name="connsiteY1" fmla="*/ 0 h 1651876"/>
                <a:gd name="connsiteX2" fmla="*/ 1566781 w 1842099"/>
                <a:gd name="connsiteY2" fmla="*/ 0 h 1651876"/>
                <a:gd name="connsiteX3" fmla="*/ 1842099 w 1842099"/>
                <a:gd name="connsiteY3" fmla="*/ 275318 h 1651876"/>
                <a:gd name="connsiteX4" fmla="*/ 1842099 w 1842099"/>
                <a:gd name="connsiteY4" fmla="*/ 1376558 h 1651876"/>
                <a:gd name="connsiteX5" fmla="*/ 1566781 w 1842099"/>
                <a:gd name="connsiteY5" fmla="*/ 1651876 h 1651876"/>
                <a:gd name="connsiteX6" fmla="*/ 275318 w 1842099"/>
                <a:gd name="connsiteY6" fmla="*/ 1651876 h 1651876"/>
                <a:gd name="connsiteX7" fmla="*/ 0 w 1842099"/>
                <a:gd name="connsiteY7" fmla="*/ 1376558 h 1651876"/>
                <a:gd name="connsiteX8" fmla="*/ 0 w 1842099"/>
                <a:gd name="connsiteY8" fmla="*/ 275318 h 16518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842099" h="1651876">
                  <a:moveTo>
                    <a:pt x="0" y="275318"/>
                  </a:moveTo>
                  <a:cubicBezTo>
                    <a:pt x="0" y="123264"/>
                    <a:pt x="123264" y="0"/>
                    <a:pt x="275318" y="0"/>
                  </a:cubicBezTo>
                  <a:lnTo>
                    <a:pt x="1566781" y="0"/>
                  </a:lnTo>
                  <a:cubicBezTo>
                    <a:pt x="1718835" y="0"/>
                    <a:pt x="1842099" y="123264"/>
                    <a:pt x="1842099" y="275318"/>
                  </a:cubicBezTo>
                  <a:lnTo>
                    <a:pt x="1842099" y="1376558"/>
                  </a:lnTo>
                  <a:cubicBezTo>
                    <a:pt x="1842099" y="1528612"/>
                    <a:pt x="1718835" y="1651876"/>
                    <a:pt x="1566781" y="1651876"/>
                  </a:cubicBezTo>
                  <a:lnTo>
                    <a:pt x="275318" y="1651876"/>
                  </a:lnTo>
                  <a:cubicBezTo>
                    <a:pt x="123264" y="1651876"/>
                    <a:pt x="0" y="1528612"/>
                    <a:pt x="0" y="1376558"/>
                  </a:cubicBezTo>
                  <a:lnTo>
                    <a:pt x="0" y="275318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56838" tIns="156838" rIns="156838" bIns="156838" numCol="1" spcCol="1270" anchor="ctr" anchorCtr="0">
              <a:noAutofit/>
            </a:bodyPr>
            <a:lstStyle/>
            <a:p>
              <a:pPr algn="ctr" defTabSz="8890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000" dirty="0" smtClean="0">
                  <a:solidFill>
                    <a:srgbClr val="FFFFFF"/>
                  </a:solidFill>
                </a:rPr>
                <a:t>Report to Stakeholder Committee</a:t>
              </a:r>
              <a:endParaRPr lang="en-US" sz="2000" dirty="0">
                <a:solidFill>
                  <a:srgbClr val="FFFFFF"/>
                </a:solidFill>
              </a:endParaRPr>
            </a:p>
          </p:txBody>
        </p:sp>
        <p:sp>
          <p:nvSpPr>
            <p:cNvPr id="21" name="Freeform 20"/>
            <p:cNvSpPr/>
            <p:nvPr/>
          </p:nvSpPr>
          <p:spPr>
            <a:xfrm>
              <a:off x="8076257" y="2339884"/>
              <a:ext cx="1842099" cy="1651876"/>
            </a:xfrm>
            <a:custGeom>
              <a:avLst/>
              <a:gdLst>
                <a:gd name="connsiteX0" fmla="*/ 0 w 1842099"/>
                <a:gd name="connsiteY0" fmla="*/ 275318 h 1651876"/>
                <a:gd name="connsiteX1" fmla="*/ 275318 w 1842099"/>
                <a:gd name="connsiteY1" fmla="*/ 0 h 1651876"/>
                <a:gd name="connsiteX2" fmla="*/ 1566781 w 1842099"/>
                <a:gd name="connsiteY2" fmla="*/ 0 h 1651876"/>
                <a:gd name="connsiteX3" fmla="*/ 1842099 w 1842099"/>
                <a:gd name="connsiteY3" fmla="*/ 275318 h 1651876"/>
                <a:gd name="connsiteX4" fmla="*/ 1842099 w 1842099"/>
                <a:gd name="connsiteY4" fmla="*/ 1376558 h 1651876"/>
                <a:gd name="connsiteX5" fmla="*/ 1566781 w 1842099"/>
                <a:gd name="connsiteY5" fmla="*/ 1651876 h 1651876"/>
                <a:gd name="connsiteX6" fmla="*/ 275318 w 1842099"/>
                <a:gd name="connsiteY6" fmla="*/ 1651876 h 1651876"/>
                <a:gd name="connsiteX7" fmla="*/ 0 w 1842099"/>
                <a:gd name="connsiteY7" fmla="*/ 1376558 h 1651876"/>
                <a:gd name="connsiteX8" fmla="*/ 0 w 1842099"/>
                <a:gd name="connsiteY8" fmla="*/ 275318 h 16518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842099" h="1651876">
                  <a:moveTo>
                    <a:pt x="0" y="275318"/>
                  </a:moveTo>
                  <a:cubicBezTo>
                    <a:pt x="0" y="123264"/>
                    <a:pt x="123264" y="0"/>
                    <a:pt x="275318" y="0"/>
                  </a:cubicBezTo>
                  <a:lnTo>
                    <a:pt x="1566781" y="0"/>
                  </a:lnTo>
                  <a:cubicBezTo>
                    <a:pt x="1718835" y="0"/>
                    <a:pt x="1842099" y="123264"/>
                    <a:pt x="1842099" y="275318"/>
                  </a:cubicBezTo>
                  <a:lnTo>
                    <a:pt x="1842099" y="1376558"/>
                  </a:lnTo>
                  <a:cubicBezTo>
                    <a:pt x="1842099" y="1528612"/>
                    <a:pt x="1718835" y="1651876"/>
                    <a:pt x="1566781" y="1651876"/>
                  </a:cubicBezTo>
                  <a:lnTo>
                    <a:pt x="275318" y="1651876"/>
                  </a:lnTo>
                  <a:cubicBezTo>
                    <a:pt x="123264" y="1651876"/>
                    <a:pt x="0" y="1528612"/>
                    <a:pt x="0" y="1376558"/>
                  </a:cubicBezTo>
                  <a:lnTo>
                    <a:pt x="0" y="275318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56838" tIns="156838" rIns="156838" bIns="156838" numCol="1" spcCol="1270" anchor="ctr" anchorCtr="0">
              <a:noAutofit/>
            </a:bodyPr>
            <a:lstStyle/>
            <a:p>
              <a:pPr algn="ctr" defTabSz="8890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000" dirty="0" smtClean="0">
                  <a:solidFill>
                    <a:srgbClr val="FFFFFF"/>
                  </a:solidFill>
                </a:rPr>
                <a:t>Policy Carryover Subcommittee</a:t>
              </a:r>
              <a:endParaRPr lang="en-US" sz="2000" dirty="0">
                <a:solidFill>
                  <a:srgbClr val="FFFFFF"/>
                </a:solidFill>
              </a:endParaRPr>
            </a:p>
          </p:txBody>
        </p:sp>
        <p:sp>
          <p:nvSpPr>
            <p:cNvPr id="22" name="Freeform 21"/>
            <p:cNvSpPr/>
            <p:nvPr/>
          </p:nvSpPr>
          <p:spPr>
            <a:xfrm>
              <a:off x="10010462" y="2339884"/>
              <a:ext cx="1842099" cy="1651876"/>
            </a:xfrm>
            <a:custGeom>
              <a:avLst/>
              <a:gdLst>
                <a:gd name="connsiteX0" fmla="*/ 0 w 1842099"/>
                <a:gd name="connsiteY0" fmla="*/ 275318 h 1651876"/>
                <a:gd name="connsiteX1" fmla="*/ 275318 w 1842099"/>
                <a:gd name="connsiteY1" fmla="*/ 0 h 1651876"/>
                <a:gd name="connsiteX2" fmla="*/ 1566781 w 1842099"/>
                <a:gd name="connsiteY2" fmla="*/ 0 h 1651876"/>
                <a:gd name="connsiteX3" fmla="*/ 1842099 w 1842099"/>
                <a:gd name="connsiteY3" fmla="*/ 275318 h 1651876"/>
                <a:gd name="connsiteX4" fmla="*/ 1842099 w 1842099"/>
                <a:gd name="connsiteY4" fmla="*/ 1376558 h 1651876"/>
                <a:gd name="connsiteX5" fmla="*/ 1566781 w 1842099"/>
                <a:gd name="connsiteY5" fmla="*/ 1651876 h 1651876"/>
                <a:gd name="connsiteX6" fmla="*/ 275318 w 1842099"/>
                <a:gd name="connsiteY6" fmla="*/ 1651876 h 1651876"/>
                <a:gd name="connsiteX7" fmla="*/ 0 w 1842099"/>
                <a:gd name="connsiteY7" fmla="*/ 1376558 h 1651876"/>
                <a:gd name="connsiteX8" fmla="*/ 0 w 1842099"/>
                <a:gd name="connsiteY8" fmla="*/ 275318 h 16518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842099" h="1651876">
                  <a:moveTo>
                    <a:pt x="0" y="275318"/>
                  </a:moveTo>
                  <a:cubicBezTo>
                    <a:pt x="0" y="123264"/>
                    <a:pt x="123264" y="0"/>
                    <a:pt x="275318" y="0"/>
                  </a:cubicBezTo>
                  <a:lnTo>
                    <a:pt x="1566781" y="0"/>
                  </a:lnTo>
                  <a:cubicBezTo>
                    <a:pt x="1718835" y="0"/>
                    <a:pt x="1842099" y="123264"/>
                    <a:pt x="1842099" y="275318"/>
                  </a:cubicBezTo>
                  <a:lnTo>
                    <a:pt x="1842099" y="1376558"/>
                  </a:lnTo>
                  <a:cubicBezTo>
                    <a:pt x="1842099" y="1528612"/>
                    <a:pt x="1718835" y="1651876"/>
                    <a:pt x="1566781" y="1651876"/>
                  </a:cubicBezTo>
                  <a:lnTo>
                    <a:pt x="275318" y="1651876"/>
                  </a:lnTo>
                  <a:cubicBezTo>
                    <a:pt x="123264" y="1651876"/>
                    <a:pt x="0" y="1528612"/>
                    <a:pt x="0" y="1376558"/>
                  </a:cubicBezTo>
                  <a:lnTo>
                    <a:pt x="0" y="275318"/>
                  </a:lnTo>
                  <a:close/>
                </a:path>
              </a:pathLst>
            </a:cu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72078" tIns="172078" rIns="172078" bIns="172078" numCol="1" spcCol="1270" anchor="ctr" anchorCtr="0">
              <a:noAutofit/>
            </a:bodyPr>
            <a:lstStyle/>
            <a:p>
              <a:pPr algn="ctr" defTabSz="10668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2400" dirty="0" smtClean="0">
                  <a:solidFill>
                    <a:srgbClr val="FFFFFF"/>
                  </a:solidFill>
                </a:rPr>
                <a:t>Report to Stakeholder Committee</a:t>
              </a:r>
              <a:endParaRPr lang="en-US" sz="2400" dirty="0">
                <a:solidFill>
                  <a:srgbClr val="FFFFFF"/>
                </a:solidFill>
              </a:endParaRPr>
            </a:p>
          </p:txBody>
        </p:sp>
      </p:grpSp>
      <p:sp>
        <p:nvSpPr>
          <p:cNvPr id="14" name="Title 13"/>
          <p:cNvSpPr>
            <a:spLocks noGrp="1"/>
          </p:cNvSpPr>
          <p:nvPr>
            <p:ph type="title"/>
          </p:nvPr>
        </p:nvSpPr>
        <p:spPr>
          <a:xfrm>
            <a:off x="224343" y="181030"/>
            <a:ext cx="10515600" cy="1325563"/>
          </a:xfrm>
        </p:spPr>
        <p:txBody>
          <a:bodyPr/>
          <a:lstStyle/>
          <a:p>
            <a:r>
              <a:rPr lang="en-US" dirty="0" smtClean="0"/>
              <a:t>Task Timeline</a:t>
            </a:r>
            <a:endParaRPr lang="en-US" dirty="0"/>
          </a:p>
        </p:txBody>
      </p:sp>
      <p:sp>
        <p:nvSpPr>
          <p:cNvPr id="12" name="TextBox 11"/>
          <p:cNvSpPr txBox="1"/>
          <p:nvPr/>
        </p:nvSpPr>
        <p:spPr>
          <a:xfrm>
            <a:off x="531698" y="5272923"/>
            <a:ext cx="11164957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rgbClr val="006647"/>
                </a:solidFill>
              </a:rPr>
              <a:t>      </a:t>
            </a:r>
            <a:r>
              <a:rPr lang="en-US" sz="2000" b="1" dirty="0" smtClean="0">
                <a:solidFill>
                  <a:srgbClr val="006647"/>
                </a:solidFill>
              </a:rPr>
              <a:t>2016	</a:t>
            </a:r>
            <a:r>
              <a:rPr lang="en-US" sz="2000" b="1" dirty="0">
                <a:solidFill>
                  <a:srgbClr val="006647"/>
                </a:solidFill>
              </a:rPr>
              <a:t>	</a:t>
            </a:r>
            <a:r>
              <a:rPr lang="en-US" sz="2000" b="1" dirty="0" smtClean="0">
                <a:solidFill>
                  <a:srgbClr val="006647"/>
                </a:solidFill>
              </a:rPr>
              <a:t> September </a:t>
            </a:r>
            <a:r>
              <a:rPr lang="en-US" sz="2000" b="1" dirty="0">
                <a:solidFill>
                  <a:srgbClr val="006647"/>
                </a:solidFill>
              </a:rPr>
              <a:t>	  </a:t>
            </a:r>
            <a:r>
              <a:rPr lang="en-US" sz="2000" b="1" dirty="0" smtClean="0">
                <a:solidFill>
                  <a:srgbClr val="006647"/>
                </a:solidFill>
              </a:rPr>
              <a:t>    October </a:t>
            </a:r>
            <a:r>
              <a:rPr lang="en-US" sz="2000" b="1" dirty="0">
                <a:solidFill>
                  <a:srgbClr val="006647"/>
                </a:solidFill>
              </a:rPr>
              <a:t>	</a:t>
            </a:r>
            <a:r>
              <a:rPr lang="en-US" sz="2000" b="1" dirty="0" smtClean="0">
                <a:solidFill>
                  <a:srgbClr val="006647"/>
                </a:solidFill>
              </a:rPr>
              <a:t>    November 6	         January	          February 5</a:t>
            </a:r>
            <a:br>
              <a:rPr lang="en-US" sz="2000" b="1" dirty="0" smtClean="0">
                <a:solidFill>
                  <a:srgbClr val="006647"/>
                </a:solidFill>
              </a:rPr>
            </a:br>
            <a:r>
              <a:rPr lang="en-US" sz="2000" b="1" dirty="0" smtClean="0">
                <a:solidFill>
                  <a:srgbClr val="006647"/>
                </a:solidFill>
              </a:rPr>
              <a:t>	</a:t>
            </a:r>
            <a:r>
              <a:rPr lang="en-US" sz="2000" b="1" dirty="0">
                <a:solidFill>
                  <a:srgbClr val="006647"/>
                </a:solidFill>
              </a:rPr>
              <a:t>	</a:t>
            </a:r>
            <a:r>
              <a:rPr lang="en-US" sz="2000" b="1" dirty="0" smtClean="0">
                <a:solidFill>
                  <a:srgbClr val="006647"/>
                </a:solidFill>
              </a:rPr>
              <a:t>      2017 	         </a:t>
            </a:r>
            <a:r>
              <a:rPr lang="en-US" sz="2000" b="1" dirty="0">
                <a:solidFill>
                  <a:srgbClr val="006647"/>
                </a:solidFill>
              </a:rPr>
              <a:t>2017 </a:t>
            </a:r>
            <a:r>
              <a:rPr lang="en-US" sz="2000" b="1" dirty="0" smtClean="0">
                <a:solidFill>
                  <a:srgbClr val="006647"/>
                </a:solidFill>
              </a:rPr>
              <a:t>	           2017 	           2018		2018	</a:t>
            </a:r>
            <a:r>
              <a:rPr lang="en-US" sz="2000" dirty="0" smtClean="0">
                <a:solidFill>
                  <a:srgbClr val="006647"/>
                </a:solidFill>
              </a:rPr>
              <a:t>							</a:t>
            </a:r>
            <a:endParaRPr lang="en-US" sz="2000" dirty="0">
              <a:solidFill>
                <a:srgbClr val="006647"/>
              </a:solidFill>
            </a:endParaRPr>
          </a:p>
        </p:txBody>
      </p:sp>
      <p:grpSp>
        <p:nvGrpSpPr>
          <p:cNvPr id="25" name="Group 24"/>
          <p:cNvGrpSpPr/>
          <p:nvPr/>
        </p:nvGrpSpPr>
        <p:grpSpPr>
          <a:xfrm>
            <a:off x="295155" y="1180761"/>
            <a:ext cx="3781177" cy="1274488"/>
            <a:chOff x="310005" y="4361798"/>
            <a:chExt cx="3804137" cy="1737742"/>
          </a:xfrm>
          <a:solidFill>
            <a:schemeClr val="bg1"/>
          </a:solidFill>
        </p:grpSpPr>
        <p:sp>
          <p:nvSpPr>
            <p:cNvPr id="2" name="Right Arrow 1"/>
            <p:cNvSpPr/>
            <p:nvPr/>
          </p:nvSpPr>
          <p:spPr>
            <a:xfrm>
              <a:off x="310005" y="4361798"/>
              <a:ext cx="3804137" cy="1737742"/>
            </a:xfrm>
            <a:prstGeom prst="rightArrow">
              <a:avLst/>
            </a:prstGeom>
            <a:grpFill/>
            <a:ln w="57150">
              <a:solidFill>
                <a:srgbClr val="FFA4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5" name="TextBox 4"/>
            <p:cNvSpPr txBox="1"/>
            <p:nvPr/>
          </p:nvSpPr>
          <p:spPr>
            <a:xfrm>
              <a:off x="446991" y="4957898"/>
              <a:ext cx="2754159" cy="629472"/>
            </a:xfrm>
            <a:prstGeom prst="rect">
              <a:avLst/>
            </a:prstGeom>
            <a:grpFill/>
            <a:ln w="57150"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b="1" dirty="0" smtClean="0">
                  <a:solidFill>
                    <a:srgbClr val="006647"/>
                  </a:solidFill>
                </a:rPr>
                <a:t>Staff Evaluation</a:t>
              </a:r>
              <a:endParaRPr lang="en-US" sz="2400" b="1" dirty="0">
                <a:solidFill>
                  <a:srgbClr val="006647"/>
                </a:solidFill>
              </a:endParaRPr>
            </a:p>
          </p:txBody>
        </p:sp>
      </p:grpSp>
      <p:grpSp>
        <p:nvGrpSpPr>
          <p:cNvPr id="24" name="Group 23"/>
          <p:cNvGrpSpPr/>
          <p:nvPr/>
        </p:nvGrpSpPr>
        <p:grpSpPr>
          <a:xfrm>
            <a:off x="4238610" y="1234432"/>
            <a:ext cx="3762981" cy="1241243"/>
            <a:chOff x="4405749" y="4613223"/>
            <a:chExt cx="3578204" cy="1573521"/>
          </a:xfrm>
          <a:noFill/>
        </p:grpSpPr>
        <p:sp>
          <p:nvSpPr>
            <p:cNvPr id="15" name="Right Arrow 14"/>
            <p:cNvSpPr/>
            <p:nvPr/>
          </p:nvSpPr>
          <p:spPr>
            <a:xfrm>
              <a:off x="4405749" y="4613223"/>
              <a:ext cx="3578204" cy="1573521"/>
            </a:xfrm>
            <a:prstGeom prst="rightArrow">
              <a:avLst/>
            </a:prstGeom>
            <a:grpFill/>
            <a:ln w="57150">
              <a:solidFill>
                <a:srgbClr val="FFA4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4431935" y="5140552"/>
              <a:ext cx="2754159" cy="585252"/>
            </a:xfrm>
            <a:prstGeom prst="rect">
              <a:avLst/>
            </a:prstGeom>
            <a:grpFill/>
            <a:ln w="57150"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b="1" dirty="0" smtClean="0">
                  <a:solidFill>
                    <a:srgbClr val="006647"/>
                  </a:solidFill>
                </a:rPr>
                <a:t>Policy Review</a:t>
              </a:r>
              <a:endParaRPr lang="en-US" sz="2400" b="1" dirty="0">
                <a:solidFill>
                  <a:srgbClr val="006647"/>
                </a:solidFill>
              </a:endParaRPr>
            </a:p>
          </p:txBody>
        </p:sp>
      </p:grpSp>
      <p:grpSp>
        <p:nvGrpSpPr>
          <p:cNvPr id="23" name="Group 22"/>
          <p:cNvGrpSpPr/>
          <p:nvPr/>
        </p:nvGrpSpPr>
        <p:grpSpPr>
          <a:xfrm>
            <a:off x="8163870" y="1126862"/>
            <a:ext cx="3729804" cy="1288835"/>
            <a:chOff x="8383886" y="4384430"/>
            <a:chExt cx="3655714" cy="1734313"/>
          </a:xfrm>
          <a:solidFill>
            <a:schemeClr val="accent1"/>
          </a:solidFill>
        </p:grpSpPr>
        <p:sp>
          <p:nvSpPr>
            <p:cNvPr id="13" name="Right Arrow 12"/>
            <p:cNvSpPr/>
            <p:nvPr/>
          </p:nvSpPr>
          <p:spPr>
            <a:xfrm>
              <a:off x="8383886" y="4384430"/>
              <a:ext cx="3655714" cy="1734313"/>
            </a:xfrm>
            <a:prstGeom prst="rightArrow">
              <a:avLst/>
            </a:prstGeom>
            <a:grpFill/>
            <a:ln w="57150">
              <a:solidFill>
                <a:srgbClr val="FFA4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6" name="TextBox 5"/>
            <p:cNvSpPr txBox="1"/>
            <p:nvPr/>
          </p:nvSpPr>
          <p:spPr>
            <a:xfrm>
              <a:off x="8394340" y="5003528"/>
              <a:ext cx="3428054" cy="621237"/>
            </a:xfrm>
            <a:prstGeom prst="rect">
              <a:avLst/>
            </a:prstGeom>
            <a:grpFill/>
            <a:ln w="57150"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b="1" dirty="0" smtClean="0">
                  <a:solidFill>
                    <a:srgbClr val="006647"/>
                  </a:solidFill>
                </a:rPr>
                <a:t>Implementation Review</a:t>
              </a:r>
              <a:endParaRPr lang="en-US" sz="2400" b="1" dirty="0">
                <a:solidFill>
                  <a:srgbClr val="006647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068221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bcommittee </a:t>
            </a:r>
            <a:r>
              <a:rPr lang="en-US" dirty="0" smtClean="0"/>
              <a:t>Consideratio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514007"/>
            <a:ext cx="10515600" cy="4961744"/>
          </a:xfrm>
        </p:spPr>
        <p:txBody>
          <a:bodyPr>
            <a:normAutofit/>
          </a:bodyPr>
          <a:lstStyle/>
          <a:p>
            <a:endParaRPr lang="en-US" dirty="0" smtClean="0"/>
          </a:p>
          <a:p>
            <a:r>
              <a:rPr lang="en-US" dirty="0" smtClean="0"/>
              <a:t>2 </a:t>
            </a:r>
            <a:r>
              <a:rPr lang="en-US" dirty="0"/>
              <a:t>Rounds of Public Input</a:t>
            </a:r>
          </a:p>
          <a:p>
            <a:r>
              <a:rPr lang="en-US" dirty="0"/>
              <a:t>Board direction </a:t>
            </a:r>
            <a:r>
              <a:rPr lang="en-US" dirty="0" smtClean="0"/>
              <a:t>to only update and enhance the existing Rural </a:t>
            </a:r>
            <a:r>
              <a:rPr lang="en-US" dirty="0"/>
              <a:t>Policy Area </a:t>
            </a:r>
            <a:r>
              <a:rPr lang="en-US" dirty="0" smtClean="0"/>
              <a:t>policies</a:t>
            </a:r>
          </a:p>
          <a:p>
            <a:pPr lvl="1"/>
            <a:r>
              <a:rPr lang="en-US" dirty="0"/>
              <a:t>A</a:t>
            </a:r>
            <a:r>
              <a:rPr lang="en-US" dirty="0" smtClean="0"/>
              <a:t>lso </a:t>
            </a:r>
            <a:r>
              <a:rPr lang="en-US" dirty="0"/>
              <a:t>applied to Villages within </a:t>
            </a:r>
            <a:r>
              <a:rPr lang="en-US" dirty="0" smtClean="0"/>
              <a:t>RPA</a:t>
            </a:r>
          </a:p>
          <a:p>
            <a:r>
              <a:rPr lang="en-US" dirty="0" smtClean="0"/>
              <a:t>No significant changes to Towns </a:t>
            </a:r>
            <a:r>
              <a:rPr lang="en-US" dirty="0"/>
              <a:t>and their JMLAs </a:t>
            </a:r>
            <a:endParaRPr lang="en-US" dirty="0" smtClean="0"/>
          </a:p>
          <a:p>
            <a:pPr lvl="1"/>
            <a:r>
              <a:rPr lang="en-US" dirty="0" smtClean="0"/>
              <a:t>See feedback from Towns</a:t>
            </a:r>
            <a:endParaRPr lang="en-US" dirty="0"/>
          </a:p>
          <a:p>
            <a:r>
              <a:rPr lang="en-US" dirty="0" smtClean="0"/>
              <a:t>Board </a:t>
            </a:r>
            <a:r>
              <a:rPr lang="en-US" dirty="0"/>
              <a:t>endorsed Vision and Goals</a:t>
            </a:r>
          </a:p>
          <a:p>
            <a:r>
              <a:rPr lang="en-US" dirty="0"/>
              <a:t>Stakeholder Committee objectives </a:t>
            </a:r>
            <a:r>
              <a:rPr lang="en-US" dirty="0" smtClean="0"/>
              <a:t>and comments on topics from December meetings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23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205838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olicy Consolidation Updat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690688"/>
            <a:ext cx="10515600" cy="466566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 smtClean="0"/>
              <a:t>*From 1200 policies to 70:</a:t>
            </a:r>
          </a:p>
          <a:p>
            <a:pPr lvl="1" fontAlgn="ctr"/>
            <a:r>
              <a:rPr lang="en-US" dirty="0" smtClean="0"/>
              <a:t>8 (+/-) Rural </a:t>
            </a:r>
            <a:r>
              <a:rPr lang="en-US" dirty="0"/>
              <a:t>Policy Area </a:t>
            </a:r>
            <a:r>
              <a:rPr lang="en-US" dirty="0" smtClean="0"/>
              <a:t>&amp; Existing Villages </a:t>
            </a:r>
          </a:p>
          <a:p>
            <a:pPr lvl="1" fontAlgn="ctr"/>
            <a:r>
              <a:rPr lang="en-US" dirty="0" smtClean="0">
                <a:solidFill>
                  <a:srgbClr val="006647"/>
                </a:solidFill>
              </a:rPr>
              <a:t>18</a:t>
            </a:r>
            <a:r>
              <a:rPr lang="en-US" dirty="0" smtClean="0"/>
              <a:t> </a:t>
            </a:r>
            <a:r>
              <a:rPr lang="en-US" dirty="0"/>
              <a:t>(+/-)</a:t>
            </a:r>
            <a:r>
              <a:rPr lang="en-US" dirty="0" smtClean="0">
                <a:solidFill>
                  <a:srgbClr val="006647"/>
                </a:solidFill>
              </a:rPr>
              <a:t> Green Infrastructure</a:t>
            </a:r>
          </a:p>
          <a:p>
            <a:pPr lvl="1" fontAlgn="ctr"/>
            <a:r>
              <a:rPr lang="en-US" dirty="0" smtClean="0">
                <a:solidFill>
                  <a:srgbClr val="006647"/>
                </a:solidFill>
              </a:rPr>
              <a:t>5</a:t>
            </a:r>
            <a:r>
              <a:rPr lang="en-US" dirty="0" smtClean="0"/>
              <a:t> </a:t>
            </a:r>
            <a:r>
              <a:rPr lang="en-US" dirty="0"/>
              <a:t>(+/-)</a:t>
            </a:r>
            <a:r>
              <a:rPr lang="en-US" dirty="0" smtClean="0">
                <a:solidFill>
                  <a:srgbClr val="006647"/>
                </a:solidFill>
              </a:rPr>
              <a:t> Growth Management</a:t>
            </a:r>
          </a:p>
          <a:p>
            <a:pPr lvl="1" fontAlgn="ctr"/>
            <a:r>
              <a:rPr lang="en-US" dirty="0" smtClean="0">
                <a:solidFill>
                  <a:srgbClr val="006647"/>
                </a:solidFill>
              </a:rPr>
              <a:t>9 </a:t>
            </a:r>
            <a:r>
              <a:rPr lang="en-US" dirty="0" smtClean="0"/>
              <a:t>(+/-) Transition Policy Area (TPA) </a:t>
            </a:r>
          </a:p>
          <a:p>
            <a:pPr lvl="1" fontAlgn="ctr"/>
            <a:r>
              <a:rPr lang="en-US" dirty="0" smtClean="0">
                <a:solidFill>
                  <a:srgbClr val="006647"/>
                </a:solidFill>
              </a:rPr>
              <a:t>4 </a:t>
            </a:r>
            <a:r>
              <a:rPr lang="en-US" dirty="0" smtClean="0"/>
              <a:t>(+/-) Housing</a:t>
            </a:r>
          </a:p>
          <a:p>
            <a:pPr lvl="1" fontAlgn="ctr"/>
            <a:r>
              <a:rPr lang="en-US" dirty="0" smtClean="0">
                <a:solidFill>
                  <a:srgbClr val="006647"/>
                </a:solidFill>
              </a:rPr>
              <a:t>6 </a:t>
            </a:r>
            <a:r>
              <a:rPr lang="en-US" dirty="0"/>
              <a:t>(+/-) </a:t>
            </a:r>
            <a:r>
              <a:rPr lang="en-US" dirty="0" smtClean="0"/>
              <a:t>Redevelopment, Revitalization &amp; Infill</a:t>
            </a:r>
          </a:p>
          <a:p>
            <a:pPr lvl="1" fontAlgn="ctr"/>
            <a:r>
              <a:rPr lang="en-US" dirty="0" smtClean="0">
                <a:solidFill>
                  <a:srgbClr val="006647"/>
                </a:solidFill>
              </a:rPr>
              <a:t>13 </a:t>
            </a:r>
            <a:r>
              <a:rPr lang="en-US" dirty="0"/>
              <a:t>(+/-) </a:t>
            </a:r>
            <a:r>
              <a:rPr lang="en-US" dirty="0" smtClean="0"/>
              <a:t>Towns &amp; JLMA; 5 specifically for Individual Towns</a:t>
            </a:r>
          </a:p>
          <a:p>
            <a:pPr lvl="1" fontAlgn="ctr"/>
            <a:r>
              <a:rPr lang="en-US" dirty="0" smtClean="0">
                <a:solidFill>
                  <a:srgbClr val="006647"/>
                </a:solidFill>
              </a:rPr>
              <a:t>4 </a:t>
            </a:r>
            <a:r>
              <a:rPr lang="en-US" dirty="0"/>
              <a:t>(+/-) Suburban Policy Area (</a:t>
            </a:r>
            <a:r>
              <a:rPr lang="en-US" dirty="0" smtClean="0"/>
              <a:t>SPA</a:t>
            </a:r>
            <a:r>
              <a:rPr lang="en-US" dirty="0"/>
              <a:t>)</a:t>
            </a:r>
            <a:endParaRPr lang="en-US" sz="1200" dirty="0" smtClean="0"/>
          </a:p>
          <a:p>
            <a:pPr marL="0" lvl="1" indent="0" fontAlgn="ctr">
              <a:buNone/>
            </a:pPr>
            <a:endParaRPr lang="en-US" sz="1200" dirty="0" smtClean="0"/>
          </a:p>
          <a:p>
            <a:pPr lvl="1" fontAlgn="ctr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24</a:t>
            </a:fld>
            <a:endParaRPr lang="en-US" dirty="0">
              <a:solidFill>
                <a:srgbClr val="006647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38200" y="6235908"/>
            <a:ext cx="5052934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FFC000"/>
                </a:solidFill>
              </a:rPr>
              <a:t>(*numbers are approximate)</a:t>
            </a:r>
          </a:p>
          <a:p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02950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rgbClr val="006647"/>
                </a:solidFill>
              </a:rPr>
              <a:t>Forthcoming </a:t>
            </a:r>
            <a:r>
              <a:rPr lang="en-US" dirty="0" smtClean="0">
                <a:solidFill>
                  <a:srgbClr val="006647"/>
                </a:solidFill>
              </a:rPr>
              <a:t>Topic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690688"/>
            <a:ext cx="10515600" cy="4486275"/>
          </a:xfrm>
        </p:spPr>
        <p:txBody>
          <a:bodyPr>
            <a:normAutofit/>
          </a:bodyPr>
          <a:lstStyle/>
          <a:p>
            <a:pPr fontAlgn="ctr"/>
            <a:endParaRPr lang="en-US" dirty="0" smtClean="0"/>
          </a:p>
          <a:p>
            <a:pPr fontAlgn="ctr"/>
            <a:r>
              <a:rPr lang="en-US" dirty="0" smtClean="0"/>
              <a:t>Public </a:t>
            </a:r>
            <a:r>
              <a:rPr lang="en-US" dirty="0"/>
              <a:t>Facilities &amp; Infrastructure</a:t>
            </a:r>
          </a:p>
          <a:p>
            <a:pPr fontAlgn="ctr"/>
            <a:r>
              <a:rPr lang="en-US" dirty="0">
                <a:solidFill>
                  <a:srgbClr val="006647"/>
                </a:solidFill>
              </a:rPr>
              <a:t>Fiscal </a:t>
            </a:r>
            <a:r>
              <a:rPr lang="en-US" dirty="0" smtClean="0">
                <a:solidFill>
                  <a:srgbClr val="006647"/>
                </a:solidFill>
              </a:rPr>
              <a:t>Responsibility</a:t>
            </a:r>
            <a:endParaRPr lang="en-US" dirty="0">
              <a:solidFill>
                <a:srgbClr val="006647"/>
              </a:solidFill>
            </a:endParaRPr>
          </a:p>
          <a:p>
            <a:pPr fontAlgn="ctr"/>
            <a:r>
              <a:rPr lang="en-US" dirty="0">
                <a:solidFill>
                  <a:srgbClr val="006647"/>
                </a:solidFill>
              </a:rPr>
              <a:t>Economic Development</a:t>
            </a:r>
          </a:p>
          <a:p>
            <a:pPr fontAlgn="ctr"/>
            <a:r>
              <a:rPr lang="en-US" dirty="0" smtClean="0"/>
              <a:t>New Policies for the Carryover Topics</a:t>
            </a:r>
          </a:p>
          <a:p>
            <a:pPr fontAlgn="ctr"/>
            <a:r>
              <a:rPr lang="en-US" dirty="0" smtClean="0">
                <a:solidFill>
                  <a:srgbClr val="006647"/>
                </a:solidFill>
              </a:rPr>
              <a:t>Implementation </a:t>
            </a:r>
            <a:r>
              <a:rPr lang="en-US" dirty="0">
                <a:solidFill>
                  <a:srgbClr val="006647"/>
                </a:solidFill>
              </a:rPr>
              <a:t>Steps for all </a:t>
            </a:r>
            <a:r>
              <a:rPr lang="en-US" dirty="0" smtClean="0">
                <a:solidFill>
                  <a:srgbClr val="006647"/>
                </a:solidFill>
              </a:rPr>
              <a:t>topics</a:t>
            </a:r>
          </a:p>
          <a:p>
            <a:pPr lvl="1" fontAlgn="ctr"/>
            <a:r>
              <a:rPr lang="en-US" dirty="0" smtClean="0">
                <a:solidFill>
                  <a:srgbClr val="006647"/>
                </a:solidFill>
              </a:rPr>
              <a:t>Strategies and Actions</a:t>
            </a: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25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723560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iscussion on Implementat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690688"/>
            <a:ext cx="10515600" cy="4560211"/>
          </a:xfrm>
        </p:spPr>
        <p:txBody>
          <a:bodyPr>
            <a:normAutofit fontScale="92500" lnSpcReduction="20000"/>
          </a:bodyPr>
          <a:lstStyle/>
          <a:p>
            <a:pPr fontAlgn="ctr">
              <a:spcBef>
                <a:spcPts val="500"/>
              </a:spcBef>
              <a:spcAft>
                <a:spcPts val="500"/>
              </a:spcAft>
            </a:pPr>
            <a:r>
              <a:rPr lang="en-US" dirty="0" smtClean="0"/>
              <a:t>General support to retain majority of </a:t>
            </a:r>
            <a:r>
              <a:rPr lang="en-US" dirty="0"/>
              <a:t>Implementation </a:t>
            </a:r>
            <a:r>
              <a:rPr lang="en-US" dirty="0" smtClean="0"/>
              <a:t>Measures</a:t>
            </a:r>
          </a:p>
          <a:p>
            <a:pPr fontAlgn="ctr">
              <a:spcBef>
                <a:spcPts val="500"/>
              </a:spcBef>
              <a:spcAft>
                <a:spcPts val="500"/>
              </a:spcAft>
            </a:pPr>
            <a:r>
              <a:rPr lang="en-US" dirty="0"/>
              <a:t>Original intent of existing Rural Policy Area and Existing Villages </a:t>
            </a:r>
            <a:r>
              <a:rPr lang="en-US" dirty="0" smtClean="0"/>
              <a:t>are retained </a:t>
            </a:r>
            <a:endParaRPr lang="en-US" dirty="0"/>
          </a:p>
          <a:p>
            <a:pPr fontAlgn="ctr">
              <a:spcBef>
                <a:spcPts val="500"/>
              </a:spcBef>
              <a:spcAft>
                <a:spcPts val="500"/>
              </a:spcAft>
            </a:pPr>
            <a:r>
              <a:rPr lang="en-US" dirty="0" smtClean="0"/>
              <a:t>Consolidate and Simplify</a:t>
            </a:r>
          </a:p>
          <a:p>
            <a:pPr fontAlgn="ctr">
              <a:spcBef>
                <a:spcPts val="500"/>
              </a:spcBef>
              <a:spcAft>
                <a:spcPts val="500"/>
              </a:spcAft>
            </a:pPr>
            <a:r>
              <a:rPr lang="en-US" dirty="0" smtClean="0"/>
              <a:t>Re-evaluate retention of Actions that have not been implemented</a:t>
            </a:r>
          </a:p>
          <a:p>
            <a:pPr fontAlgn="ctr">
              <a:spcBef>
                <a:spcPts val="500"/>
              </a:spcBef>
              <a:spcAft>
                <a:spcPts val="500"/>
              </a:spcAft>
            </a:pPr>
            <a:r>
              <a:rPr lang="en-US" dirty="0" smtClean="0"/>
              <a:t>Delete Actions that are no longer relevant or that County has addressed</a:t>
            </a:r>
          </a:p>
          <a:p>
            <a:pPr fontAlgn="ctr">
              <a:spcBef>
                <a:spcPts val="500"/>
              </a:spcBef>
              <a:spcAft>
                <a:spcPts val="500"/>
              </a:spcAft>
            </a:pPr>
            <a:r>
              <a:rPr lang="en-US" dirty="0" smtClean="0"/>
              <a:t>Revise language to recognize ongoing County activities, install a positive tone, and focus on desired outcomes</a:t>
            </a:r>
          </a:p>
          <a:p>
            <a:pPr fontAlgn="ctr">
              <a:spcBef>
                <a:spcPts val="500"/>
              </a:spcBef>
              <a:spcAft>
                <a:spcPts val="500"/>
              </a:spcAft>
            </a:pPr>
            <a:r>
              <a:rPr lang="en-US" dirty="0" smtClean="0"/>
              <a:t>Define Terminolog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26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8434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35144"/>
            <a:ext cx="10515600" cy="1355544"/>
          </a:xfrm>
        </p:spPr>
        <p:txBody>
          <a:bodyPr/>
          <a:lstStyle/>
          <a:p>
            <a:r>
              <a:rPr lang="en-US" dirty="0" smtClean="0"/>
              <a:t>Recommendation Highligh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558977"/>
            <a:ext cx="10515600" cy="4797373"/>
          </a:xfrm>
        </p:spPr>
        <p:txBody>
          <a:bodyPr>
            <a:normAutofit fontScale="92500" lnSpcReduction="10000"/>
          </a:bodyPr>
          <a:lstStyle/>
          <a:p>
            <a:pPr fontAlgn="ctr"/>
            <a:r>
              <a:rPr lang="en-US" dirty="0" smtClean="0"/>
              <a:t>Ensure new challenges facing RPA can be addressed</a:t>
            </a:r>
          </a:p>
          <a:p>
            <a:pPr fontAlgn="ctr"/>
            <a:r>
              <a:rPr lang="en-US" dirty="0" smtClean="0"/>
              <a:t>County’s Existing Villages are special and policies need to present this aspect</a:t>
            </a:r>
            <a:endParaRPr lang="en-US" dirty="0"/>
          </a:p>
          <a:p>
            <a:pPr fontAlgn="ctr"/>
            <a:r>
              <a:rPr lang="en-US" dirty="0" smtClean="0"/>
              <a:t>Re-evaluate if the JLMA approach is an effective strategy</a:t>
            </a:r>
          </a:p>
          <a:p>
            <a:pPr fontAlgn="ctr"/>
            <a:r>
              <a:rPr lang="en-US" dirty="0" smtClean="0"/>
              <a:t>Develop a host of new policies that address Redevelopment </a:t>
            </a:r>
            <a:r>
              <a:rPr lang="en-US" dirty="0"/>
              <a:t>and </a:t>
            </a:r>
            <a:r>
              <a:rPr lang="en-US" dirty="0" smtClean="0"/>
              <a:t>Infill, to include Adaptive Reuse</a:t>
            </a:r>
          </a:p>
          <a:p>
            <a:pPr fontAlgn="ctr"/>
            <a:r>
              <a:rPr lang="en-US" dirty="0" smtClean="0"/>
              <a:t>Green Infrastructure is worthy of preserving in all Policy Areas because of its benefits to public health, safety, and welfare</a:t>
            </a:r>
          </a:p>
          <a:p>
            <a:pPr fontAlgn="ctr"/>
            <a:r>
              <a:rPr lang="en-US" dirty="0" smtClean="0"/>
              <a:t>Incorporate ULI recommendation for phasing of mixed-use/urban development patterns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27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83260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/>
              <a:t>Next </a:t>
            </a:r>
            <a:r>
              <a:rPr lang="en-US" smtClean="0"/>
              <a:t>Steps</a:t>
            </a:r>
            <a:r>
              <a:rPr lang="en-US" dirty="0" smtClean="0"/>
              <a:t/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393371"/>
            <a:ext cx="10515600" cy="478359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Prepare chapters using all feedback received:</a:t>
            </a:r>
          </a:p>
          <a:p>
            <a:pPr lvl="1" fontAlgn="ctr"/>
            <a:r>
              <a:rPr lang="en-US" b="1" dirty="0"/>
              <a:t>Stakeholder Committee and its Subcommittees</a:t>
            </a:r>
          </a:p>
          <a:p>
            <a:pPr lvl="1" fontAlgn="ctr"/>
            <a:r>
              <a:rPr lang="en-US" b="1" dirty="0"/>
              <a:t>Public Outreach (Online and Meetings</a:t>
            </a:r>
            <a:r>
              <a:rPr lang="en-US" b="1" dirty="0" smtClean="0"/>
              <a:t>)</a:t>
            </a:r>
          </a:p>
          <a:p>
            <a:pPr lvl="1" fontAlgn="ctr"/>
            <a:r>
              <a:rPr lang="en-US" b="1" dirty="0" smtClean="0"/>
              <a:t>STAC</a:t>
            </a:r>
            <a:endParaRPr lang="en-US" b="1" dirty="0"/>
          </a:p>
          <a:p>
            <a:pPr marL="0" indent="0">
              <a:buNone/>
            </a:pPr>
            <a:endParaRPr lang="en-US" sz="1400" dirty="0" smtClean="0"/>
          </a:p>
          <a:p>
            <a:pPr marL="0" indent="0">
              <a:buNone/>
            </a:pPr>
            <a:r>
              <a:rPr lang="en-US" dirty="0" smtClean="0"/>
              <a:t>Ongoing </a:t>
            </a:r>
            <a:r>
              <a:rPr lang="en-US" dirty="0"/>
              <a:t>Research: </a:t>
            </a:r>
          </a:p>
          <a:p>
            <a:pPr lvl="1" fontAlgn="ctr"/>
            <a:r>
              <a:rPr lang="en-US" b="1" dirty="0"/>
              <a:t>Alternative approaches to buffers that can protect water quality with the same effectiveness</a:t>
            </a:r>
          </a:p>
          <a:p>
            <a:pPr lvl="1" fontAlgn="ctr"/>
            <a:r>
              <a:rPr lang="en-US" b="1" dirty="0"/>
              <a:t>Transfer / Purchase of Development Rights</a:t>
            </a:r>
          </a:p>
          <a:p>
            <a:pPr lvl="1" fontAlgn="ctr"/>
            <a:r>
              <a:rPr lang="en-US" b="1" dirty="0"/>
              <a:t>Impact Fees</a:t>
            </a:r>
          </a:p>
          <a:p>
            <a:pPr lvl="1" fontAlgn="ctr"/>
            <a:r>
              <a:rPr lang="en-US" b="1" dirty="0"/>
              <a:t>Criteria used to define Existing Villages</a:t>
            </a:r>
          </a:p>
          <a:p>
            <a:pPr lvl="1" fontAlgn="ctr"/>
            <a:r>
              <a:rPr lang="en-US" b="1" dirty="0"/>
              <a:t>Best practices for Redevelopment, </a:t>
            </a:r>
            <a:r>
              <a:rPr lang="en-US" b="1" dirty="0" smtClean="0"/>
              <a:t>Infill, </a:t>
            </a:r>
            <a:r>
              <a:rPr lang="en-US" b="1" dirty="0"/>
              <a:t>and Adaptive </a:t>
            </a:r>
            <a:r>
              <a:rPr lang="en-US" b="1" dirty="0" smtClean="0"/>
              <a:t>Reuse</a:t>
            </a:r>
            <a:endParaRPr lang="en-US" b="1" dirty="0"/>
          </a:p>
          <a:p>
            <a:pPr marL="0" indent="0">
              <a:buNone/>
            </a:pPr>
            <a:endParaRPr lang="en-US" sz="14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28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994347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sz="4000" dirty="0" smtClean="0"/>
              <a:t>Any Questions or Comments?</a:t>
            </a:r>
            <a:endParaRPr lang="en-US" sz="4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29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433547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327676"/>
            <a:ext cx="11353800" cy="4912764"/>
          </a:xfrm>
        </p:spPr>
        <p:txBody>
          <a:bodyPr>
            <a:normAutofit fontScale="92500" lnSpcReduction="20000"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Welcome / </a:t>
            </a: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Administrative Items / Information Updates</a:t>
            </a:r>
            <a:endParaRPr lang="en-US" sz="32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514350" indent="-514350">
              <a:buFont typeface="+mj-lt"/>
              <a:buAutoNum type="arabicPeriod"/>
            </a:pP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Meeting Objectives 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Project Timeline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Plan Outline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Policy Carryover Subcommittee Feedback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Break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Policies, Actions &amp; Strategies Presentations: </a:t>
            </a:r>
            <a:b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     Suburban Policy Area, Towns &amp; JLMA, and Housing 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Small </a:t>
            </a:r>
            <a:r>
              <a:rPr lang="en-US" sz="3200" dirty="0">
                <a:latin typeface="Arial" panose="020B0604020202020204" pitchFamily="34" charset="0"/>
                <a:cs typeface="Arial" panose="020B0604020202020204" pitchFamily="34" charset="0"/>
              </a:rPr>
              <a:t>Work </a:t>
            </a: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Groups on Policies, Actions &amp; Strategies 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3200" dirty="0" smtClean="0">
                <a:latin typeface="Arial" panose="020B0604020202020204" pitchFamily="34" charset="0"/>
                <a:cs typeface="Arial" panose="020B0604020202020204" pitchFamily="34" charset="0"/>
              </a:rPr>
              <a:t>Adjourn </a:t>
            </a:r>
            <a:endParaRPr lang="en-US" sz="3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838200" y="300730"/>
            <a:ext cx="10515600" cy="1325563"/>
          </a:xfrm>
        </p:spPr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679432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0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02113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Housing Policies, Actions &amp; Strategie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3602038"/>
            <a:ext cx="12192000" cy="1655762"/>
          </a:xfrm>
        </p:spPr>
        <p:txBody>
          <a:bodyPr/>
          <a:lstStyle/>
          <a:p>
            <a:r>
              <a:rPr lang="en-US" dirty="0" smtClean="0"/>
              <a:t>February 20, 2018 </a:t>
            </a:r>
            <a:r>
              <a:rPr lang="en-US" dirty="0"/>
              <a:t>| </a:t>
            </a:r>
            <a:r>
              <a:rPr lang="en-US" dirty="0" smtClean="0"/>
              <a:t>Comprehensive Plan Stakeholders Committe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1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20042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using Issu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Adequate Supply</a:t>
            </a:r>
          </a:p>
          <a:p>
            <a:r>
              <a:rPr lang="en-US" dirty="0" smtClean="0"/>
              <a:t>Variation in Type, Size and Location</a:t>
            </a:r>
          </a:p>
          <a:p>
            <a:r>
              <a:rPr lang="en-US" dirty="0" smtClean="0"/>
              <a:t>Affordable and Attainabl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2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62040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using Policy Development</a:t>
            </a:r>
            <a:endParaRPr lang="en-US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/>
          </p:nvPr>
        </p:nvGraphicFramePr>
        <p:xfrm>
          <a:off x="838200" y="1825625"/>
          <a:ext cx="10515600" cy="384048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282901"/>
                <a:gridCol w="5232699"/>
              </a:tblGrid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Housing White Paper 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ept. 11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Housing Subcommittee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ept. 12, 19 &amp; 29</a:t>
                      </a:r>
                      <a:endParaRPr lang="en-US" sz="2400" i="1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Housing Summit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Oct.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 16</a:t>
                      </a: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taff Policy Refinement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Nov. – Jan.</a:t>
                      </a:r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Post Housing Summit Workshop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Feb. 5</a:t>
                      </a:r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3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06325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using Policy Timeline</a:t>
            </a:r>
            <a:endParaRPr lang="en-US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/>
          </p:nvPr>
        </p:nvGraphicFramePr>
        <p:xfrm>
          <a:off x="838200" y="1825625"/>
          <a:ext cx="10515600" cy="502920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868827"/>
                <a:gridCol w="7646773"/>
              </a:tblGrid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ept. 11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Housing White Paper Presented &amp; Discussed at Stakeholders Meeting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ept. 12 &amp; 19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ubcommittee Meetings on New Policy </a:t>
                      </a:r>
                      <a:r>
                        <a:rPr lang="en-US" sz="2400" i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(10 Recommended)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ept. 25</a:t>
                      </a: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ubcommittees' Housing Policies Presented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 &amp; Discussed at Stakeholders Meeting</a:t>
                      </a: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4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40071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using Policy Timeline</a:t>
            </a:r>
            <a:endParaRPr lang="en-US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/>
          </p:nvPr>
        </p:nvGraphicFramePr>
        <p:xfrm>
          <a:off x="838200" y="1825625"/>
          <a:ext cx="10515600" cy="466344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868827"/>
                <a:gridCol w="7646773"/>
              </a:tblGrid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ept. 29</a:t>
                      </a: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ubcommittee Meeting to Review </a:t>
                      </a:r>
                      <a:r>
                        <a:rPr lang="en-US" sz="2700" i="1" dirty="0" smtClean="0">
                          <a:latin typeface="Arial Black" panose="020B0A04020102020204" pitchFamily="34" charset="0"/>
                        </a:rPr>
                        <a:t>Revised General Plan</a:t>
                      </a:r>
                      <a:r>
                        <a:rPr lang="en-US" sz="2700" i="1" baseline="0" dirty="0" smtClean="0">
                          <a:latin typeface="Arial Black" panose="020B0A04020102020204" pitchFamily="34" charset="0"/>
                        </a:rPr>
                        <a:t> 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Housing Policie</a:t>
                      </a: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 for Carryover </a:t>
                      </a: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i="1" dirty="0" smtClean="0">
                          <a:latin typeface="Arial Black" panose="020B0A04020102020204" pitchFamily="34" charset="0"/>
                        </a:rPr>
                        <a:t>Oct. 13</a:t>
                      </a: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i="1" dirty="0" smtClean="0">
                          <a:latin typeface="Arial Black" panose="020B0A04020102020204" pitchFamily="34" charset="0"/>
                        </a:rPr>
                        <a:t>Staff Finalizes</a:t>
                      </a:r>
                      <a:r>
                        <a:rPr lang="en-US" sz="2700" i="1" baseline="0" dirty="0" smtClean="0">
                          <a:latin typeface="Arial Black" panose="020B0A04020102020204" pitchFamily="34" charset="0"/>
                        </a:rPr>
                        <a:t> Planning Framework Document Defining Policy Hierarchy</a:t>
                      </a:r>
                      <a:endParaRPr lang="en-US" sz="2700" i="1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Oct.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 16</a:t>
                      </a: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Board of Supervisors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 Housing Summit</a:t>
                      </a: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5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44545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using Policy Timeline</a:t>
            </a:r>
            <a:endParaRPr lang="en-US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/>
          </p:nvPr>
        </p:nvGraphicFramePr>
        <p:xfrm>
          <a:off x="838200" y="1825625"/>
          <a:ext cx="10515600" cy="507492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868827"/>
                <a:gridCol w="7646773"/>
              </a:tblGrid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Nov. 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– Jan.</a:t>
                      </a: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taff Merges 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Stakeholders’, RGP &amp; Staff-developed Policy Statements</a:t>
                      </a:r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Jan. 30</a:t>
                      </a: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Housing Policies, Actions,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 and Strategies Document Provided to Stakeholders</a:t>
                      </a: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Feb. 5</a:t>
                      </a: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Dept.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 of Family Services Post Housing Summit Workshop</a:t>
                      </a: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6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02993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using Policy Timeline</a:t>
            </a:r>
            <a:endParaRPr lang="en-US" dirty="0"/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/>
          </p:nvPr>
        </p:nvGraphicFramePr>
        <p:xfrm>
          <a:off x="838200" y="1825625"/>
          <a:ext cx="10515600" cy="397764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868827"/>
                <a:gridCol w="7646773"/>
              </a:tblGrid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Feb. 5</a:t>
                      </a: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Housing Policies, Actions,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 and Strategies Presented &amp; Discussed at Stakeholders Meeting</a:t>
                      </a: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Feb. – Mar.</a:t>
                      </a: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Staff Drafts Housing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 Chapter</a:t>
                      </a:r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Apr. 2</a:t>
                      </a: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700" dirty="0" smtClean="0">
                          <a:latin typeface="Arial Black" panose="020B0A04020102020204" pitchFamily="34" charset="0"/>
                        </a:rPr>
                        <a:t>Draft Housing</a:t>
                      </a:r>
                      <a:r>
                        <a:rPr lang="en-US" sz="2700" baseline="0" dirty="0" smtClean="0">
                          <a:latin typeface="Arial Black" panose="020B0A04020102020204" pitchFamily="34" charset="0"/>
                        </a:rPr>
                        <a:t> Chapter to be Presented &amp; Discussed at Stakeholders Meeting</a:t>
                      </a: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2700" dirty="0" smtClean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sz="2700" dirty="0">
                        <a:latin typeface="Arial Black" panose="020B0A04020102020204" pitchFamily="34" charset="0"/>
                      </a:endParaRPr>
                    </a:p>
                  </a:txBody>
                  <a:tcPr marL="137160" marR="137160" marT="137160" marB="137160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7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455958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ousing Policies</a:t>
            </a:r>
            <a:r>
              <a:rPr lang="en-US" dirty="0"/>
              <a:t>, Actions, and Strategi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Policies: 4</a:t>
            </a:r>
          </a:p>
          <a:p>
            <a:pPr marL="0" indent="0">
              <a:buNone/>
            </a:pPr>
            <a:r>
              <a:rPr lang="en-US" dirty="0" smtClean="0"/>
              <a:t>Actions &amp; Strategies: 29</a:t>
            </a:r>
          </a:p>
          <a:p>
            <a:pPr lvl="1"/>
            <a:r>
              <a:rPr lang="en-US" dirty="0" smtClean="0"/>
              <a:t>Basis: </a:t>
            </a:r>
            <a:r>
              <a:rPr lang="en-US" dirty="0" smtClean="0">
                <a:solidFill>
                  <a:schemeClr val="accent1"/>
                </a:solidFill>
              </a:rPr>
              <a:t>Stakeholders – 4</a:t>
            </a:r>
            <a:r>
              <a:rPr lang="en-US" dirty="0" smtClean="0"/>
              <a:t>, RGP Carryover – 23, </a:t>
            </a:r>
            <a:r>
              <a:rPr lang="en-US" dirty="0" smtClean="0">
                <a:solidFill>
                  <a:schemeClr val="accent1">
                    <a:lumMod val="50000"/>
                  </a:schemeClr>
                </a:solidFill>
              </a:rPr>
              <a:t>Staff – 2 </a:t>
            </a:r>
          </a:p>
          <a:p>
            <a:pPr marL="0" indent="0">
              <a:buNone/>
            </a:pPr>
            <a:r>
              <a:rPr lang="en-US" dirty="0" smtClean="0"/>
              <a:t>Related Strategies Shifted to Other Topics: 3</a:t>
            </a:r>
          </a:p>
          <a:p>
            <a:pPr lvl="1"/>
            <a:r>
              <a:rPr lang="en-US" dirty="0"/>
              <a:t>Basis: </a:t>
            </a:r>
            <a:r>
              <a:rPr lang="en-US" dirty="0">
                <a:solidFill>
                  <a:schemeClr val="accent1"/>
                </a:solidFill>
              </a:rPr>
              <a:t>Stakeholders – </a:t>
            </a:r>
            <a:r>
              <a:rPr lang="en-US" dirty="0" smtClean="0">
                <a:solidFill>
                  <a:schemeClr val="accent1"/>
                </a:solidFill>
              </a:rPr>
              <a:t>1</a:t>
            </a:r>
            <a:r>
              <a:rPr lang="en-US" dirty="0" smtClean="0"/>
              <a:t>, </a:t>
            </a:r>
            <a:r>
              <a:rPr lang="en-US" dirty="0"/>
              <a:t>RGP </a:t>
            </a:r>
            <a:r>
              <a:rPr lang="en-US" dirty="0" smtClean="0"/>
              <a:t>Carryover – 2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8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578857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mall Group Discuss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en-US" dirty="0" smtClean="0"/>
              <a:t>What should be modified?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What should be removed?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 smtClean="0"/>
              <a:t>What has been missed?</a:t>
            </a:r>
          </a:p>
          <a:p>
            <a:endParaRPr lang="en-US" dirty="0"/>
          </a:p>
          <a:p>
            <a:pPr marL="0" indent="0">
              <a:buNone/>
            </a:pPr>
            <a:r>
              <a:rPr lang="en-US" dirty="0" smtClean="0"/>
              <a:t>Staff will use any feedback to further develop the policies, actions and strategies for inclusion in the draft Housing chapter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39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348734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199" y="265734"/>
            <a:ext cx="11206655" cy="1325563"/>
          </a:xfrm>
        </p:spPr>
        <p:txBody>
          <a:bodyPr/>
          <a:lstStyle/>
          <a:p>
            <a:r>
              <a:rPr lang="en-US" dirty="0" smtClean="0"/>
              <a:t>Meeting Objectiv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198" y="1422501"/>
            <a:ext cx="10834397" cy="4661057"/>
          </a:xfrm>
        </p:spPr>
        <p:txBody>
          <a:bodyPr>
            <a:normAutofit/>
          </a:bodyPr>
          <a:lstStyle/>
          <a:p>
            <a:pPr marL="682625" indent="-682625">
              <a:buFont typeface="+mj-lt"/>
              <a:buAutoNum type="arabicParenR"/>
            </a:pPr>
            <a: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Discuss Project Timeline &amp;</a:t>
            </a:r>
            <a:b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Dates of Future Meetings</a:t>
            </a:r>
          </a:p>
          <a:p>
            <a:pPr marL="682625" indent="-682625">
              <a:buFont typeface="+mj-lt"/>
              <a:buAutoNum type="arabicParenR"/>
            </a:pPr>
            <a: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Discuss Proposed Changes to Plan Outline</a:t>
            </a:r>
          </a:p>
          <a:p>
            <a:pPr marL="682625" indent="-682625">
              <a:buFont typeface="+mj-lt"/>
              <a:buAutoNum type="arabicParenR"/>
            </a:pPr>
            <a: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Endorse Policy Carryover Subcommittee Recommendations</a:t>
            </a:r>
          </a:p>
          <a:p>
            <a:pPr marL="682625" indent="-682625">
              <a:buFont typeface="+mj-lt"/>
              <a:buAutoNum type="arabicParenR"/>
            </a:pPr>
            <a: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Gather Feedback on Recommended Policies, Actions &amp; Strategies: </a:t>
            </a:r>
          </a:p>
          <a:p>
            <a:pPr marL="1371600" lvl="1" indent="-682625">
              <a:buFont typeface="+mj-lt"/>
              <a:buAutoNum type="alphaLcParenR"/>
            </a:pPr>
            <a: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Suburban </a:t>
            </a:r>
            <a:r>
              <a:rPr lang="en-US" dirty="0">
                <a:ea typeface="Calibri" panose="020F0502020204030204" pitchFamily="34" charset="0"/>
                <a:cs typeface="Times New Roman" panose="02020603050405020304" pitchFamily="18" charset="0"/>
              </a:rPr>
              <a:t>Policy </a:t>
            </a:r>
            <a: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Area, </a:t>
            </a:r>
          </a:p>
          <a:p>
            <a:pPr marL="1371600" lvl="1" indent="-682625">
              <a:buFont typeface="+mj-lt"/>
              <a:buAutoNum type="alphaLcParenR"/>
            </a:pPr>
            <a: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Towns &amp; JLMA, and </a:t>
            </a:r>
          </a:p>
          <a:p>
            <a:pPr marL="1371600" lvl="1" indent="-682625">
              <a:buFont typeface="+mj-lt"/>
              <a:buAutoNum type="alphaLcParenR"/>
            </a:pPr>
            <a:r>
              <a:rPr lang="en-US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Hous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18728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40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26824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Suburban Policy Area Policies, Actions &amp; Strategie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3602038"/>
            <a:ext cx="12192000" cy="1655762"/>
          </a:xfrm>
        </p:spPr>
        <p:txBody>
          <a:bodyPr/>
          <a:lstStyle/>
          <a:p>
            <a:r>
              <a:rPr lang="en-US" dirty="0" smtClean="0"/>
              <a:t>February 20, 2018 </a:t>
            </a:r>
            <a:r>
              <a:rPr lang="en-US" dirty="0"/>
              <a:t>| </a:t>
            </a:r>
            <a:r>
              <a:rPr lang="en-US" dirty="0" smtClean="0"/>
              <a:t>Comprehensive Plan Stakeholders Committe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41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805281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uburban Policy Are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buNone/>
            </a:pPr>
            <a:r>
              <a:rPr lang="en-US" dirty="0" smtClean="0"/>
              <a:t>An area of </a:t>
            </a:r>
            <a:r>
              <a:rPr lang="en-US" dirty="0"/>
              <a:t>self-sustaining communities that </a:t>
            </a:r>
            <a:r>
              <a:rPr lang="en-US" dirty="0" smtClean="0"/>
              <a:t>offer: </a:t>
            </a:r>
          </a:p>
          <a:p>
            <a:pPr lvl="1">
              <a:lnSpc>
                <a:spcPct val="100000"/>
              </a:lnSpc>
            </a:pPr>
            <a:r>
              <a:rPr lang="en-US" dirty="0" smtClean="0"/>
              <a:t>a </a:t>
            </a:r>
            <a:r>
              <a:rPr lang="en-US" dirty="0"/>
              <a:t>mix of residential, commercial, and employment uses; </a:t>
            </a:r>
            <a:endParaRPr lang="en-US" dirty="0" smtClean="0"/>
          </a:p>
          <a:p>
            <a:pPr lvl="1">
              <a:lnSpc>
                <a:spcPct val="100000"/>
              </a:lnSpc>
            </a:pPr>
            <a:r>
              <a:rPr lang="en-US" dirty="0" smtClean="0"/>
              <a:t>a </a:t>
            </a:r>
            <a:r>
              <a:rPr lang="en-US" dirty="0"/>
              <a:t>full complement of public services and facilities; </a:t>
            </a:r>
            <a:endParaRPr lang="en-US" dirty="0" smtClean="0"/>
          </a:p>
          <a:p>
            <a:pPr lvl="1">
              <a:lnSpc>
                <a:spcPct val="100000"/>
              </a:lnSpc>
            </a:pPr>
            <a:r>
              <a:rPr lang="en-US" dirty="0" smtClean="0"/>
              <a:t>amenities </a:t>
            </a:r>
            <a:r>
              <a:rPr lang="en-US" dirty="0"/>
              <a:t>that support a high quality of life; and </a:t>
            </a:r>
            <a:endParaRPr lang="en-US" dirty="0" smtClean="0"/>
          </a:p>
          <a:p>
            <a:pPr lvl="1">
              <a:lnSpc>
                <a:spcPct val="100000"/>
              </a:lnSpc>
            </a:pPr>
            <a:r>
              <a:rPr lang="en-US" dirty="0" smtClean="0"/>
              <a:t>a </a:t>
            </a:r>
            <a:r>
              <a:rPr lang="en-US" dirty="0"/>
              <a:t>design that incorporates a holistic approach to preserving and improving community character through compatible development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42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31324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burban Policy Are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buNone/>
            </a:pPr>
            <a:r>
              <a:rPr lang="en-US" dirty="0" smtClean="0"/>
              <a:t>Little </a:t>
            </a:r>
            <a:r>
              <a:rPr lang="en-US" dirty="0"/>
              <a:t>undeveloped land remaining </a:t>
            </a:r>
            <a:endParaRPr lang="en-US" dirty="0" smtClean="0"/>
          </a:p>
          <a:p>
            <a:pPr lvl="1">
              <a:lnSpc>
                <a:spcPct val="100000"/>
              </a:lnSpc>
            </a:pPr>
            <a:r>
              <a:rPr lang="en-US" dirty="0" smtClean="0"/>
              <a:t>2% of area/1,200 acres (as of June 2016) 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dirty="0" smtClean="0"/>
              <a:t>Redevelopment </a:t>
            </a:r>
            <a:r>
              <a:rPr lang="en-US" dirty="0"/>
              <a:t>will </a:t>
            </a:r>
            <a:r>
              <a:rPr lang="en-US" dirty="0" smtClean="0"/>
              <a:t>play </a:t>
            </a:r>
            <a:r>
              <a:rPr lang="en-US" dirty="0"/>
              <a:t>an increasing role in development decisions within the SPA </a:t>
            </a:r>
            <a:endParaRPr lang="en-US" dirty="0" smtClean="0"/>
          </a:p>
          <a:p>
            <a:pPr lvl="1">
              <a:lnSpc>
                <a:spcPct val="100000"/>
              </a:lnSpc>
            </a:pPr>
            <a:r>
              <a:rPr lang="en-US" dirty="0" smtClean="0"/>
              <a:t>Significant </a:t>
            </a:r>
            <a:r>
              <a:rPr lang="en-US" dirty="0"/>
              <a:t>shift in </a:t>
            </a:r>
            <a:r>
              <a:rPr lang="en-US" dirty="0" smtClean="0"/>
              <a:t>the </a:t>
            </a:r>
            <a:r>
              <a:rPr lang="en-US" dirty="0"/>
              <a:t>county’s planning and development </a:t>
            </a:r>
            <a:r>
              <a:rPr lang="en-US" dirty="0" smtClean="0"/>
              <a:t>activities </a:t>
            </a:r>
          </a:p>
          <a:p>
            <a:pPr lvl="1">
              <a:lnSpc>
                <a:spcPct val="100000"/>
              </a:lnSpc>
            </a:pPr>
            <a:r>
              <a:rPr lang="en-US" dirty="0" smtClean="0"/>
              <a:t>New </a:t>
            </a:r>
            <a:r>
              <a:rPr lang="en-US" dirty="0"/>
              <a:t>projects will </a:t>
            </a:r>
            <a:r>
              <a:rPr lang="en-US" dirty="0" smtClean="0"/>
              <a:t>need </a:t>
            </a:r>
            <a:r>
              <a:rPr lang="en-US" dirty="0"/>
              <a:t>to be evaluated based on their </a:t>
            </a:r>
            <a:r>
              <a:rPr lang="en-US" dirty="0" smtClean="0"/>
              <a:t>compatibility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43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415633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burban Policy Are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buNone/>
            </a:pPr>
            <a:r>
              <a:rPr lang="en-US" dirty="0" smtClean="0"/>
              <a:t>New Plan must simultaneously: </a:t>
            </a:r>
          </a:p>
          <a:p>
            <a:pPr lvl="1">
              <a:lnSpc>
                <a:spcPct val="100000"/>
              </a:lnSpc>
            </a:pPr>
            <a:r>
              <a:rPr lang="en-US" dirty="0" smtClean="0"/>
              <a:t>Ensure </a:t>
            </a:r>
            <a:r>
              <a:rPr lang="en-US" dirty="0"/>
              <a:t>development is compatible with the existing development pattern of the SPA </a:t>
            </a:r>
            <a:endParaRPr lang="en-US" dirty="0" smtClean="0"/>
          </a:p>
          <a:p>
            <a:pPr lvl="1">
              <a:lnSpc>
                <a:spcPct val="100000"/>
              </a:lnSpc>
            </a:pPr>
            <a:r>
              <a:rPr lang="en-US" dirty="0" smtClean="0"/>
              <a:t>Support </a:t>
            </a:r>
            <a:r>
              <a:rPr lang="en-US" dirty="0"/>
              <a:t>the necessary flexibility in </a:t>
            </a:r>
            <a:r>
              <a:rPr lang="en-US" dirty="0" smtClean="0"/>
              <a:t>form, use </a:t>
            </a:r>
            <a:r>
              <a:rPr lang="en-US" dirty="0"/>
              <a:t>and </a:t>
            </a:r>
            <a:r>
              <a:rPr lang="en-US" dirty="0" smtClean="0"/>
              <a:t>density </a:t>
            </a:r>
            <a:r>
              <a:rPr lang="en-US" dirty="0"/>
              <a:t>that will be needed to create vibrant urban and mixed-use environments </a:t>
            </a:r>
            <a:endParaRPr lang="en-US" dirty="0" smtClean="0"/>
          </a:p>
          <a:p>
            <a:pPr marL="0" indent="0">
              <a:lnSpc>
                <a:spcPct val="100000"/>
              </a:lnSpc>
              <a:buNone/>
            </a:pPr>
            <a:r>
              <a:rPr lang="en-US" dirty="0" smtClean="0"/>
              <a:t>Area should not be homogenous</a:t>
            </a:r>
          </a:p>
          <a:p>
            <a:pPr lvl="1">
              <a:lnSpc>
                <a:spcPct val="100000"/>
              </a:lnSpc>
            </a:pPr>
            <a:r>
              <a:rPr lang="en-US" dirty="0" smtClean="0"/>
              <a:t>RGP’s distinct communities: Ashburn, Dulles, Potomac &amp; Sterling</a:t>
            </a:r>
          </a:p>
          <a:p>
            <a:pPr lvl="1">
              <a:lnSpc>
                <a:spcPct val="100000"/>
              </a:lnSpc>
            </a:pPr>
            <a:r>
              <a:rPr lang="en-US" dirty="0" smtClean="0"/>
              <a:t>Community Plans were never created but remain an opportunity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44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899784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olicies, Strategies &amp; Actio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lnSpc>
                <a:spcPct val="100000"/>
              </a:lnSpc>
              <a:buNone/>
            </a:pPr>
            <a:r>
              <a:rPr lang="en-US" dirty="0" smtClean="0"/>
              <a:t>Policies </a:t>
            </a:r>
            <a:r>
              <a:rPr lang="en-US" dirty="0"/>
              <a:t>of previously reviewed topics </a:t>
            </a:r>
            <a:r>
              <a:rPr lang="en-US" dirty="0" smtClean="0"/>
              <a:t>(e.g. </a:t>
            </a:r>
            <a:r>
              <a:rPr lang="en-US" dirty="0"/>
              <a:t>Green Infrastructure, Housing</a:t>
            </a:r>
            <a:r>
              <a:rPr lang="en-US" dirty="0" smtClean="0"/>
              <a:t>, etc.) </a:t>
            </a:r>
            <a:r>
              <a:rPr lang="en-US" dirty="0"/>
              <a:t>will </a:t>
            </a:r>
            <a:r>
              <a:rPr lang="en-US" dirty="0" smtClean="0"/>
              <a:t>all apply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dirty="0" smtClean="0"/>
              <a:t>Other </a:t>
            </a:r>
            <a:r>
              <a:rPr lang="en-US" dirty="0"/>
              <a:t>topics and issues that </a:t>
            </a:r>
            <a:r>
              <a:rPr lang="en-US" dirty="0" smtClean="0"/>
              <a:t>affect </a:t>
            </a:r>
            <a:r>
              <a:rPr lang="en-US" dirty="0"/>
              <a:t>the SPA </a:t>
            </a:r>
            <a:r>
              <a:rPr lang="en-US" dirty="0" smtClean="0"/>
              <a:t>are still being worked through: 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Place Types and specifically associated policies,</a:t>
            </a:r>
          </a:p>
          <a:p>
            <a:pPr lvl="1">
              <a:lnSpc>
                <a:spcPct val="100000"/>
              </a:lnSpc>
            </a:pPr>
            <a:r>
              <a:rPr lang="en-US" dirty="0"/>
              <a:t>Quality </a:t>
            </a:r>
            <a:r>
              <a:rPr lang="en-US" dirty="0" smtClean="0"/>
              <a:t>Development </a:t>
            </a:r>
            <a:r>
              <a:rPr lang="en-US" dirty="0"/>
              <a:t>policies, and</a:t>
            </a:r>
          </a:p>
          <a:p>
            <a:pPr lvl="1">
              <a:lnSpc>
                <a:spcPct val="100000"/>
              </a:lnSpc>
            </a:pPr>
            <a:r>
              <a:rPr lang="en-US" dirty="0" smtClean="0"/>
              <a:t>The </a:t>
            </a:r>
            <a:r>
              <a:rPr lang="en-US" dirty="0"/>
              <a:t>content of </a:t>
            </a:r>
            <a:r>
              <a:rPr lang="en-US" dirty="0" smtClean="0"/>
              <a:t>other existing plans and components  </a:t>
            </a: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45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12424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olicies, Strategies &amp; Ac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buNone/>
            </a:pPr>
            <a:r>
              <a:rPr lang="en-US" dirty="0" smtClean="0"/>
              <a:t>Policies</a:t>
            </a:r>
            <a:r>
              <a:rPr lang="en-US" dirty="0"/>
              <a:t>, actions and strategies </a:t>
            </a:r>
            <a:r>
              <a:rPr lang="en-US" dirty="0" smtClean="0"/>
              <a:t>address </a:t>
            </a:r>
            <a:r>
              <a:rPr lang="en-US" dirty="0"/>
              <a:t>the SPA </a:t>
            </a:r>
            <a:r>
              <a:rPr lang="en-US" dirty="0" smtClean="0"/>
              <a:t>at </a:t>
            </a:r>
            <a:r>
              <a:rPr lang="en-US" dirty="0"/>
              <a:t>a high level while minimizing overlap with </a:t>
            </a:r>
            <a:r>
              <a:rPr lang="en-US" dirty="0" smtClean="0"/>
              <a:t>other topics.</a:t>
            </a:r>
          </a:p>
          <a:p>
            <a:pPr>
              <a:lnSpc>
                <a:spcPct val="100000"/>
              </a:lnSpc>
            </a:pPr>
            <a:endParaRPr lang="en-US" dirty="0" smtClean="0"/>
          </a:p>
          <a:p>
            <a:pPr marL="0" indent="0">
              <a:lnSpc>
                <a:spcPct val="100000"/>
              </a:lnSpc>
              <a:buNone/>
            </a:pPr>
            <a:r>
              <a:rPr lang="en-US" dirty="0"/>
              <a:t>Policies: 4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en-US" dirty="0"/>
              <a:t>Actions &amp; Strategies: </a:t>
            </a:r>
            <a:r>
              <a:rPr lang="en-US" dirty="0" smtClean="0"/>
              <a:t>14</a:t>
            </a:r>
            <a:endParaRPr lang="en-US" dirty="0"/>
          </a:p>
          <a:p>
            <a:pPr lvl="1">
              <a:lnSpc>
                <a:spcPct val="100000"/>
              </a:lnSpc>
            </a:pPr>
            <a:r>
              <a:rPr lang="en-US" dirty="0" smtClean="0"/>
              <a:t>NOTE: It </a:t>
            </a:r>
            <a:r>
              <a:rPr lang="en-US" dirty="0"/>
              <a:t>is possible that some of these policy statements may be shifted to other locations as the New Plan’s chapters are draft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46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16772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mall Group Discussio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US" dirty="0" smtClean="0"/>
              <a:t>What should be modified?</a:t>
            </a:r>
          </a:p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US" dirty="0" smtClean="0"/>
              <a:t>What should be removed?</a:t>
            </a:r>
          </a:p>
          <a:p>
            <a:pPr marL="514350" indent="-514350">
              <a:lnSpc>
                <a:spcPct val="100000"/>
              </a:lnSpc>
              <a:buFont typeface="+mj-lt"/>
              <a:buAutoNum type="arabicPeriod"/>
            </a:pPr>
            <a:r>
              <a:rPr lang="en-US" dirty="0" smtClean="0"/>
              <a:t>What has been missed?</a:t>
            </a:r>
          </a:p>
          <a:p>
            <a:pPr>
              <a:lnSpc>
                <a:spcPct val="100000"/>
              </a:lnSpc>
            </a:pPr>
            <a:endParaRPr lang="en-US" dirty="0"/>
          </a:p>
          <a:p>
            <a:pPr marL="0" indent="0">
              <a:lnSpc>
                <a:spcPct val="100000"/>
              </a:lnSpc>
              <a:buNone/>
            </a:pPr>
            <a:r>
              <a:rPr lang="en-US" dirty="0" smtClean="0"/>
              <a:t>Staff will use any feedback to further develop the policies, actions and strategies for inclusion in the draft Suburban Policy Area section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47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834115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>
                <a:solidFill>
                  <a:srgbClr val="006647"/>
                </a:solidFill>
              </a:rPr>
              <a:pPr/>
              <a:t>48</a:t>
            </a:fld>
            <a:endParaRPr lang="en-US" dirty="0">
              <a:solidFill>
                <a:srgbClr val="006647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409648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b="1" dirty="0">
                <a:ea typeface="Tahoma" panose="020B0604030504040204" pitchFamily="34" charset="0"/>
                <a:cs typeface="Tahoma" panose="020B0604030504040204" pitchFamily="34" charset="0"/>
              </a:rPr>
              <a:t>Towns &amp; Joint Land Management </a:t>
            </a:r>
            <a:r>
              <a:rPr lang="en-US" b="1" dirty="0" smtClean="0">
                <a:ea typeface="Tahoma" panose="020B0604030504040204" pitchFamily="34" charset="0"/>
                <a:cs typeface="Tahoma" panose="020B0604030504040204" pitchFamily="34" charset="0"/>
              </a:rPr>
              <a:t>Area</a:t>
            </a:r>
            <a:endParaRPr lang="en-US" b="1" dirty="0"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6" name="Subtitle 2"/>
          <p:cNvSpPr txBox="1">
            <a:spLocks/>
          </p:cNvSpPr>
          <p:nvPr/>
        </p:nvSpPr>
        <p:spPr>
          <a:xfrm>
            <a:off x="0" y="3602038"/>
            <a:ext cx="12192000" cy="165576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Arial Black" panose="020B0A04020102020204" pitchFamily="34" charset="0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i="1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mtClean="0"/>
              <a:t>February 20, 2018 | Comprehensive Plan Stakeholders Committe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4331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87537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ea typeface="Tahoma" panose="020B0604030504040204" pitchFamily="34" charset="0"/>
                <a:cs typeface="Tahoma" panose="020B0604030504040204" pitchFamily="34" charset="0"/>
              </a:rPr>
              <a:t>Town Comments &amp; Input</a:t>
            </a:r>
            <a:endParaRPr lang="en-US" b="1" dirty="0"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59542" y="1690688"/>
            <a:ext cx="9622971" cy="4351338"/>
          </a:xfrm>
        </p:spPr>
        <p:txBody>
          <a:bodyPr>
            <a:normAutofit/>
          </a:bodyPr>
          <a:lstStyle/>
          <a:p>
            <a:pPr>
              <a:spcBef>
                <a:spcPts val="0"/>
              </a:spcBef>
            </a:pPr>
            <a:r>
              <a:rPr lang="en-US" b="1" dirty="0" smtClean="0">
                <a:ea typeface="Tahoma" panose="020B0604030504040204" pitchFamily="34" charset="0"/>
                <a:cs typeface="Tahoma" panose="020B0604030504040204" pitchFamily="34" charset="0"/>
              </a:rPr>
              <a:t>General agreement to retain and/or enhance existing policies</a:t>
            </a:r>
          </a:p>
          <a:p>
            <a:pPr>
              <a:spcBef>
                <a:spcPts val="0"/>
              </a:spcBef>
            </a:pPr>
            <a:r>
              <a:rPr lang="en-US" b="1" dirty="0" smtClean="0">
                <a:ea typeface="Tahoma" panose="020B0604030504040204" pitchFamily="34" charset="0"/>
                <a:cs typeface="Tahoma" panose="020B0604030504040204" pitchFamily="34" charset="0"/>
              </a:rPr>
              <a:t>Interest </a:t>
            </a:r>
            <a:r>
              <a:rPr lang="en-US" b="1" dirty="0">
                <a:ea typeface="Tahoma" panose="020B0604030504040204" pitchFamily="34" charset="0"/>
                <a:cs typeface="Tahoma" panose="020B0604030504040204" pitchFamily="34" charset="0"/>
              </a:rPr>
              <a:t>for more detailed </a:t>
            </a:r>
            <a:r>
              <a:rPr lang="en-US" b="1" dirty="0" smtClean="0">
                <a:ea typeface="Tahoma" panose="020B0604030504040204" pitchFamily="34" charset="0"/>
                <a:cs typeface="Tahoma" panose="020B0604030504040204" pitchFamily="34" charset="0"/>
              </a:rPr>
              <a:t>future planning </a:t>
            </a:r>
            <a:r>
              <a:rPr lang="en-US" b="1" dirty="0">
                <a:ea typeface="Tahoma" panose="020B0604030504040204" pitchFamily="34" charset="0"/>
                <a:cs typeface="Tahoma" panose="020B0604030504040204" pitchFamily="34" charset="0"/>
              </a:rPr>
              <a:t>efforts around </a:t>
            </a:r>
            <a:r>
              <a:rPr lang="en-US" b="1" dirty="0" smtClean="0">
                <a:ea typeface="Tahoma" panose="020B0604030504040204" pitchFamily="34" charset="0"/>
                <a:cs typeface="Tahoma" panose="020B0604030504040204" pitchFamily="34" charset="0"/>
              </a:rPr>
              <a:t>Towns</a:t>
            </a:r>
          </a:p>
          <a:p>
            <a:pPr lvl="1" algn="just">
              <a:spcBef>
                <a:spcPts val="0"/>
              </a:spcBef>
            </a:pPr>
            <a:r>
              <a:rPr lang="en-US" b="1" dirty="0" smtClean="0">
                <a:ea typeface="Tahoma" panose="020B0604030504040204" pitchFamily="34" charset="0"/>
              </a:rPr>
              <a:t>Annexations / Expansions</a:t>
            </a:r>
          </a:p>
          <a:p>
            <a:pPr lvl="1" algn="just">
              <a:spcBef>
                <a:spcPts val="0"/>
              </a:spcBef>
            </a:pPr>
            <a:r>
              <a:rPr lang="en-US" b="1" dirty="0" smtClean="0">
                <a:ea typeface="Tahoma" panose="020B0604030504040204" pitchFamily="34" charset="0"/>
              </a:rPr>
              <a:t>Utilities</a:t>
            </a:r>
          </a:p>
          <a:p>
            <a:pPr lvl="1" algn="just">
              <a:spcBef>
                <a:spcPts val="0"/>
              </a:spcBef>
            </a:pPr>
            <a:r>
              <a:rPr lang="en-US" b="1" dirty="0" smtClean="0">
                <a:ea typeface="Tahoma" panose="020B0604030504040204" pitchFamily="34" charset="0"/>
              </a:rPr>
              <a:t>Greenbelts</a:t>
            </a:r>
          </a:p>
          <a:p>
            <a:pPr lvl="1" algn="just">
              <a:spcBef>
                <a:spcPts val="0"/>
              </a:spcBef>
            </a:pPr>
            <a:r>
              <a:rPr lang="en-US" b="1" dirty="0" smtClean="0">
                <a:ea typeface="Tahoma" panose="020B0604030504040204" pitchFamily="34" charset="0"/>
              </a:rPr>
              <a:t>Gateways</a:t>
            </a:r>
          </a:p>
          <a:p>
            <a:pPr lvl="1" algn="just">
              <a:spcBef>
                <a:spcPts val="0"/>
              </a:spcBef>
            </a:pPr>
            <a:r>
              <a:rPr lang="en-US" b="1" dirty="0" smtClean="0">
                <a:ea typeface="Tahoma" panose="020B0604030504040204" pitchFamily="34" charset="0"/>
              </a:rPr>
              <a:t>Development Quality &amp; Design   </a:t>
            </a:r>
          </a:p>
          <a:p>
            <a:pPr algn="just">
              <a:spcBef>
                <a:spcPts val="0"/>
              </a:spcBef>
            </a:pPr>
            <a:endParaRPr lang="en-US" sz="2400" b="1" dirty="0" smtClean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marR="0" lvl="0" indent="0" algn="just">
              <a:spcBef>
                <a:spcPts val="0"/>
              </a:spcBef>
              <a:spcAft>
                <a:spcPts val="0"/>
              </a:spcAft>
              <a:buNone/>
            </a:pPr>
            <a:endParaRPr lang="en-US" dirty="0" smtClean="0">
              <a:latin typeface="Calibri" panose="020F050202020403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0" marR="0" lvl="0" indent="0" algn="just">
              <a:spcBef>
                <a:spcPts val="0"/>
              </a:spcBef>
              <a:spcAft>
                <a:spcPts val="0"/>
              </a:spcAft>
              <a:buNone/>
            </a:pPr>
            <a:endParaRPr lang="en-US" dirty="0" smtClean="0">
              <a:latin typeface="Calibri" panose="020F050202020403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0" marR="0" lvl="0" indent="0" algn="just">
              <a:spcBef>
                <a:spcPts val="0"/>
              </a:spcBef>
              <a:spcAft>
                <a:spcPts val="0"/>
              </a:spcAft>
              <a:buNone/>
            </a:pPr>
            <a:endParaRPr lang="en-US" sz="3200" dirty="0" smtClean="0">
              <a:latin typeface="Calibri" panose="020F0502020204030204" pitchFamily="34" charset="0"/>
              <a:ea typeface="Times New Roman" panose="02020603050405020304" pitchFamily="18" charset="0"/>
              <a:cs typeface="Arial" panose="020B0604020202020204" pitchFamily="34" charset="0"/>
            </a:endParaRPr>
          </a:p>
          <a:p>
            <a:pPr marL="0" marR="0" lvl="0" indent="0" algn="just">
              <a:spcBef>
                <a:spcPts val="0"/>
              </a:spcBef>
              <a:spcAft>
                <a:spcPts val="0"/>
              </a:spcAft>
              <a:buNone/>
            </a:pPr>
            <a:endParaRPr lang="en-US" sz="3200" dirty="0" smtClean="0"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09844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930275"/>
          </a:xfrm>
        </p:spPr>
        <p:txBody>
          <a:bodyPr/>
          <a:lstStyle/>
          <a:p>
            <a:r>
              <a:rPr lang="en-US" b="1" dirty="0" smtClean="0">
                <a:ea typeface="Tahoma" panose="020B0604030504040204" pitchFamily="34" charset="0"/>
                <a:cs typeface="Tahoma" panose="020B0604030504040204" pitchFamily="34" charset="0"/>
              </a:rPr>
              <a:t>Future Planning Needs</a:t>
            </a:r>
            <a:endParaRPr lang="en-US" b="1" dirty="0"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514350" lvl="0" indent="-514350">
              <a:buFont typeface="+mj-lt"/>
              <a:buAutoNum type="arabicPeriod"/>
            </a:pPr>
            <a:r>
              <a:rPr lang="en-US" b="1" dirty="0">
                <a:solidFill>
                  <a:srgbClr val="006647"/>
                </a:solidFill>
                <a:ea typeface="Tahoma" panose="020B0604030504040204" pitchFamily="34" charset="0"/>
                <a:cs typeface="Tahoma" panose="020B0604030504040204" pitchFamily="34" charset="0"/>
              </a:rPr>
              <a:t>What should be modified?</a:t>
            </a:r>
          </a:p>
          <a:p>
            <a:pPr marL="514350" lvl="0" indent="-514350">
              <a:buFont typeface="+mj-lt"/>
              <a:buAutoNum type="arabicPeriod"/>
            </a:pPr>
            <a:r>
              <a:rPr lang="en-US" b="1" dirty="0">
                <a:solidFill>
                  <a:srgbClr val="006647"/>
                </a:solidFill>
                <a:ea typeface="Tahoma" panose="020B0604030504040204" pitchFamily="34" charset="0"/>
                <a:cs typeface="Tahoma" panose="020B0604030504040204" pitchFamily="34" charset="0"/>
              </a:rPr>
              <a:t>What should be removed?</a:t>
            </a:r>
          </a:p>
          <a:p>
            <a:pPr marL="514350" lvl="0" indent="-514350">
              <a:buFont typeface="+mj-lt"/>
              <a:buAutoNum type="arabicPeriod"/>
            </a:pPr>
            <a:r>
              <a:rPr lang="en-US" b="1" dirty="0">
                <a:solidFill>
                  <a:srgbClr val="006647"/>
                </a:solidFill>
                <a:ea typeface="Tahoma" panose="020B0604030504040204" pitchFamily="34" charset="0"/>
                <a:cs typeface="Tahoma" panose="020B0604030504040204" pitchFamily="34" charset="0"/>
              </a:rPr>
              <a:t>What has been missed?</a:t>
            </a:r>
          </a:p>
          <a:p>
            <a:pPr lvl="0"/>
            <a:endParaRPr lang="en-US" b="1" dirty="0">
              <a:solidFill>
                <a:srgbClr val="006647"/>
              </a:solidFill>
              <a:ea typeface="Tahoma" panose="020B0604030504040204" pitchFamily="34" charset="0"/>
              <a:cs typeface="Tahoma" panose="020B0604030504040204" pitchFamily="34" charset="0"/>
            </a:endParaRPr>
          </a:p>
          <a:p>
            <a:pPr marL="0" lvl="0" indent="0">
              <a:buNone/>
            </a:pPr>
            <a:r>
              <a:rPr lang="en-US" b="1" dirty="0">
                <a:solidFill>
                  <a:srgbClr val="006647"/>
                </a:solidFill>
                <a:ea typeface="Tahoma" panose="020B0604030504040204" pitchFamily="34" charset="0"/>
                <a:cs typeface="Tahoma" panose="020B0604030504040204" pitchFamily="34" charset="0"/>
              </a:rPr>
              <a:t>Staff will use any feedback to further develop the policies, actions and strategies for inclusion in the draft </a:t>
            </a:r>
            <a:r>
              <a:rPr lang="en-US" b="1" dirty="0" smtClean="0">
                <a:solidFill>
                  <a:srgbClr val="006647"/>
                </a:solidFill>
                <a:ea typeface="Tahoma" panose="020B0604030504040204" pitchFamily="34" charset="0"/>
                <a:cs typeface="Tahoma" panose="020B0604030504040204" pitchFamily="34" charset="0"/>
              </a:rPr>
              <a:t>Towns &amp; JLMA section.</a:t>
            </a:r>
            <a:endParaRPr lang="en-US" b="1" dirty="0">
              <a:solidFill>
                <a:srgbClr val="006647"/>
              </a:solidFill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204659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93184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Hillsboro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28160" y="243840"/>
            <a:ext cx="7709344" cy="6424454"/>
          </a:xfrm>
          <a:ln w="28575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42147147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991235"/>
          </a:xfrm>
        </p:spPr>
        <p:txBody>
          <a:bodyPr/>
          <a:lstStyle/>
          <a:p>
            <a:r>
              <a:rPr lang="en-US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ovettsville</a:t>
            </a:r>
            <a:endParaRPr lang="en-US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9021" y="220158"/>
            <a:ext cx="7832979" cy="6527483"/>
          </a:xfrm>
          <a:ln w="57150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42838379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iddleburg</a:t>
            </a:r>
            <a:endParaRPr lang="en-US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3472" y="117337"/>
            <a:ext cx="7918528" cy="6598774"/>
          </a:xfrm>
          <a:ln w="57150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8386383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Purcellville</a:t>
            </a:r>
            <a:endParaRPr lang="en-US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94797" y="150653"/>
            <a:ext cx="7853363" cy="6544470"/>
          </a:xfrm>
          <a:ln w="57150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4071305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Round Hill</a:t>
            </a:r>
            <a:endParaRPr lang="en-US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40517" y="105728"/>
            <a:ext cx="7944803" cy="6620670"/>
          </a:xfrm>
          <a:ln w="57150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046041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Current </a:t>
            </a:r>
            <a:r>
              <a:rPr lang="en-US" dirty="0" smtClean="0"/>
              <a:t>Project Timelin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0" y="3602038"/>
            <a:ext cx="12192000" cy="1655762"/>
          </a:xfrm>
        </p:spPr>
        <p:txBody>
          <a:bodyPr/>
          <a:lstStyle/>
          <a:p>
            <a:r>
              <a:rPr lang="en-US" dirty="0" smtClean="0"/>
              <a:t>February 20, 2018 </a:t>
            </a:r>
            <a:r>
              <a:rPr lang="en-US" dirty="0"/>
              <a:t>| </a:t>
            </a:r>
            <a:r>
              <a:rPr lang="en-US" dirty="0" smtClean="0"/>
              <a:t>Comprehensive Plan Stakeholders Committe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A37166-E528-4BD0-B294-9BAF24C24960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72989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998454"/>
          </a:xfrm>
        </p:spPr>
        <p:txBody>
          <a:bodyPr/>
          <a:lstStyle/>
          <a:p>
            <a:r>
              <a:rPr lang="en-US" dirty="0" smtClean="0"/>
              <a:t>Project Timeline</a:t>
            </a:r>
            <a:endParaRPr lang="en-US" dirty="0"/>
          </a:p>
        </p:txBody>
      </p:sp>
      <p:cxnSp>
        <p:nvCxnSpPr>
          <p:cNvPr id="6" name="OTLSHAPE_M_52743de8bb6d4044896f473898fe9da7_Connector1"/>
          <p:cNvCxnSpPr/>
          <p:nvPr>
            <p:custDataLst>
              <p:tags r:id="rId1"/>
            </p:custDataLst>
          </p:nvPr>
        </p:nvCxnSpPr>
        <p:spPr>
          <a:xfrm>
            <a:off x="2290360" y="2562315"/>
            <a:ext cx="0" cy="953727"/>
          </a:xfrm>
          <a:prstGeom prst="line">
            <a:avLst/>
          </a:prstGeom>
          <a:noFill/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7" name="OTLSHAPE_M_a58f29487c0343c08abcf41913e40cae_Connector1"/>
          <p:cNvCxnSpPr/>
          <p:nvPr>
            <p:custDataLst>
              <p:tags r:id="rId2"/>
            </p:custDataLst>
          </p:nvPr>
        </p:nvCxnSpPr>
        <p:spPr>
          <a:xfrm>
            <a:off x="1657580" y="1835716"/>
            <a:ext cx="0" cy="1680945"/>
          </a:xfrm>
          <a:prstGeom prst="line">
            <a:avLst/>
          </a:prstGeom>
          <a:noFill/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8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57139" y="3601673"/>
            <a:ext cx="686278" cy="43088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800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8</a:t>
            </a:r>
            <a:endParaRPr lang="en-US" sz="2800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" name="OTLSHAPE_TB_00000000000000000000000000000000_RightEndCaps"/>
          <p:cNvSpPr txBox="1"/>
          <p:nvPr>
            <p:custDataLst>
              <p:tags r:id="rId4"/>
            </p:custDataLst>
          </p:nvPr>
        </p:nvSpPr>
        <p:spPr>
          <a:xfrm>
            <a:off x="11572057" y="3632450"/>
            <a:ext cx="591060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19</a:t>
            </a:r>
            <a:endParaRPr lang="en-US" sz="2400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10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796013" y="3516975"/>
            <a:ext cx="10776046" cy="600286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63705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1"/>
          <p:cNvSpPr txBox="1"/>
          <p:nvPr>
            <p:custDataLst>
              <p:tags r:id="rId6"/>
            </p:custDataLst>
          </p:nvPr>
        </p:nvSpPr>
        <p:spPr>
          <a:xfrm>
            <a:off x="1118719" y="3670549"/>
            <a:ext cx="378537" cy="2931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-18" normalizeH="0" baseline="0" noProof="0" dirty="0" smtClean="0">
                <a:ln>
                  <a:noFill/>
                </a:ln>
                <a:solidFill>
                  <a:srgbClr val="CCDDEA"/>
                </a:solidFill>
                <a:effectLst/>
                <a:uLnTx/>
                <a:uFillTx/>
              </a:rPr>
              <a:t>February</a:t>
            </a:r>
          </a:p>
        </p:txBody>
      </p:sp>
      <p:cxnSp>
        <p:nvCxnSpPr>
          <p:cNvPr id="12" name="OTLSHAPE_TB_00000000000000000000000000000000_Separator1"/>
          <p:cNvCxnSpPr/>
          <p:nvPr>
            <p:custDataLst>
              <p:tags r:id="rId7"/>
            </p:custDataLst>
          </p:nvPr>
        </p:nvCxnSpPr>
        <p:spPr>
          <a:xfrm>
            <a:off x="2166939" y="3617022"/>
            <a:ext cx="0" cy="400191"/>
          </a:xfrm>
          <a:prstGeom prst="line">
            <a:avLst/>
          </a:prstGeom>
          <a:noFill/>
          <a:ln w="6350" cap="flat" cmpd="sng" algn="ctr">
            <a:solidFill>
              <a:srgbClr val="CCDDE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3" name="OTLSHAPE_TB_00000000000000000000000000000000_TimescaleInterval2"/>
          <p:cNvSpPr txBox="1"/>
          <p:nvPr>
            <p:custDataLst>
              <p:tags r:id="rId8"/>
            </p:custDataLst>
          </p:nvPr>
        </p:nvSpPr>
        <p:spPr>
          <a:xfrm>
            <a:off x="2256579" y="3670549"/>
            <a:ext cx="292095" cy="2931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-18" normalizeH="0" baseline="0" noProof="0" dirty="0" smtClean="0">
                <a:ln>
                  <a:noFill/>
                </a:ln>
                <a:solidFill>
                  <a:srgbClr val="CCDDEA"/>
                </a:solidFill>
                <a:effectLst/>
                <a:uLnTx/>
                <a:uFillTx/>
              </a:rPr>
              <a:t>March</a:t>
            </a:r>
          </a:p>
        </p:txBody>
      </p:sp>
      <p:cxnSp>
        <p:nvCxnSpPr>
          <p:cNvPr id="14" name="OTLSHAPE_TB_00000000000000000000000000000000_Separator2"/>
          <p:cNvCxnSpPr/>
          <p:nvPr>
            <p:custDataLst>
              <p:tags r:id="rId9"/>
            </p:custDataLst>
          </p:nvPr>
        </p:nvCxnSpPr>
        <p:spPr>
          <a:xfrm>
            <a:off x="3268094" y="3617022"/>
            <a:ext cx="0" cy="400191"/>
          </a:xfrm>
          <a:prstGeom prst="line">
            <a:avLst/>
          </a:prstGeom>
          <a:noFill/>
          <a:ln w="6350" cap="flat" cmpd="sng" algn="ctr">
            <a:solidFill>
              <a:srgbClr val="CCDDE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5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357736" y="3670549"/>
            <a:ext cx="223304" cy="2931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-20" normalizeH="0" baseline="0" noProof="0" dirty="0" smtClean="0">
                <a:ln>
                  <a:noFill/>
                </a:ln>
                <a:solidFill>
                  <a:srgbClr val="CCDDEA"/>
                </a:solidFill>
                <a:effectLst/>
                <a:uLnTx/>
                <a:uFillTx/>
              </a:rPr>
              <a:t>April</a:t>
            </a:r>
          </a:p>
        </p:txBody>
      </p:sp>
      <p:cxnSp>
        <p:nvCxnSpPr>
          <p:cNvPr id="16" name="OTLSHAPE_TB_00000000000000000000000000000000_Separator3"/>
          <p:cNvCxnSpPr/>
          <p:nvPr>
            <p:custDataLst>
              <p:tags r:id="rId11"/>
            </p:custDataLst>
          </p:nvPr>
        </p:nvCxnSpPr>
        <p:spPr>
          <a:xfrm>
            <a:off x="4405955" y="3617022"/>
            <a:ext cx="0" cy="400191"/>
          </a:xfrm>
          <a:prstGeom prst="line">
            <a:avLst/>
          </a:prstGeom>
          <a:noFill/>
          <a:ln w="6350" cap="flat" cmpd="sng" algn="ctr">
            <a:solidFill>
              <a:srgbClr val="CCDDE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7" name="OTLSHAPE_TB_00000000000000000000000000000000_TimescaleInterval4"/>
          <p:cNvSpPr txBox="1"/>
          <p:nvPr>
            <p:custDataLst>
              <p:tags r:id="rId12"/>
            </p:custDataLst>
          </p:nvPr>
        </p:nvSpPr>
        <p:spPr>
          <a:xfrm>
            <a:off x="4495596" y="3670549"/>
            <a:ext cx="340634" cy="2931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-20" normalizeH="0" baseline="0" noProof="0" dirty="0" smtClean="0">
                <a:ln>
                  <a:noFill/>
                </a:ln>
                <a:solidFill>
                  <a:srgbClr val="CCDDEA"/>
                </a:solidFill>
                <a:effectLst/>
                <a:uLnTx/>
                <a:uFillTx/>
              </a:rPr>
              <a:t>May</a:t>
            </a:r>
          </a:p>
        </p:txBody>
      </p:sp>
      <p:cxnSp>
        <p:nvCxnSpPr>
          <p:cNvPr id="18" name="OTLSHAPE_TB_00000000000000000000000000000000_Separator4"/>
          <p:cNvCxnSpPr/>
          <p:nvPr>
            <p:custDataLst>
              <p:tags r:id="rId13"/>
            </p:custDataLst>
          </p:nvPr>
        </p:nvCxnSpPr>
        <p:spPr>
          <a:xfrm>
            <a:off x="5543817" y="3617022"/>
            <a:ext cx="0" cy="400191"/>
          </a:xfrm>
          <a:prstGeom prst="line">
            <a:avLst/>
          </a:prstGeom>
          <a:noFill/>
          <a:ln w="6350" cap="flat" cmpd="sng" algn="ctr">
            <a:solidFill>
              <a:srgbClr val="CCDDE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9" name="OTLSHAPE_TB_00000000000000000000000000000000_TimescaleInterval5"/>
          <p:cNvSpPr txBox="1"/>
          <p:nvPr>
            <p:custDataLst>
              <p:tags r:id="rId14"/>
            </p:custDataLst>
          </p:nvPr>
        </p:nvSpPr>
        <p:spPr>
          <a:xfrm>
            <a:off x="5633457" y="3670549"/>
            <a:ext cx="322706" cy="2931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-18" normalizeH="0" baseline="0" noProof="0" dirty="0" smtClean="0">
                <a:ln>
                  <a:noFill/>
                </a:ln>
                <a:solidFill>
                  <a:srgbClr val="CCDDEA"/>
                </a:solidFill>
                <a:effectLst/>
                <a:uLnTx/>
                <a:uFillTx/>
              </a:rPr>
              <a:t>June</a:t>
            </a:r>
          </a:p>
        </p:txBody>
      </p:sp>
      <p:cxnSp>
        <p:nvCxnSpPr>
          <p:cNvPr id="20" name="OTLSHAPE_TB_00000000000000000000000000000000_Separator5"/>
          <p:cNvCxnSpPr/>
          <p:nvPr>
            <p:custDataLst>
              <p:tags r:id="rId15"/>
            </p:custDataLst>
          </p:nvPr>
        </p:nvCxnSpPr>
        <p:spPr>
          <a:xfrm>
            <a:off x="6644972" y="3617022"/>
            <a:ext cx="0" cy="400191"/>
          </a:xfrm>
          <a:prstGeom prst="line">
            <a:avLst/>
          </a:prstGeom>
          <a:noFill/>
          <a:ln w="6350" cap="flat" cmpd="sng" algn="ctr">
            <a:solidFill>
              <a:srgbClr val="CCDDE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1" name="OTLSHAPE_TB_00000000000000000000000000000000_TimescaleInterval6"/>
          <p:cNvSpPr txBox="1"/>
          <p:nvPr>
            <p:custDataLst>
              <p:tags r:id="rId16"/>
            </p:custDataLst>
          </p:nvPr>
        </p:nvSpPr>
        <p:spPr>
          <a:xfrm>
            <a:off x="6734614" y="3670549"/>
            <a:ext cx="298070" cy="2931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-22" normalizeH="0" baseline="0" noProof="0" dirty="0" smtClean="0">
                <a:ln>
                  <a:noFill/>
                </a:ln>
                <a:solidFill>
                  <a:srgbClr val="CCDDEA"/>
                </a:solidFill>
                <a:effectLst/>
                <a:uLnTx/>
                <a:uFillTx/>
              </a:rPr>
              <a:t>July</a:t>
            </a:r>
          </a:p>
        </p:txBody>
      </p:sp>
      <p:cxnSp>
        <p:nvCxnSpPr>
          <p:cNvPr id="22" name="OTLSHAPE_TB_00000000000000000000000000000000_Separator6"/>
          <p:cNvCxnSpPr/>
          <p:nvPr>
            <p:custDataLst>
              <p:tags r:id="rId17"/>
            </p:custDataLst>
          </p:nvPr>
        </p:nvCxnSpPr>
        <p:spPr>
          <a:xfrm>
            <a:off x="7782833" y="3617022"/>
            <a:ext cx="0" cy="400191"/>
          </a:xfrm>
          <a:prstGeom prst="line">
            <a:avLst/>
          </a:prstGeom>
          <a:noFill/>
          <a:ln w="6350" cap="flat" cmpd="sng" algn="ctr">
            <a:solidFill>
              <a:srgbClr val="CCDDE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3" name="OTLSHAPE_TB_00000000000000000000000000000000_TimescaleInterval7"/>
          <p:cNvSpPr txBox="1"/>
          <p:nvPr>
            <p:custDataLst>
              <p:tags r:id="rId18"/>
            </p:custDataLst>
          </p:nvPr>
        </p:nvSpPr>
        <p:spPr>
          <a:xfrm>
            <a:off x="7872474" y="3670549"/>
            <a:ext cx="344414" cy="2931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-20" normalizeH="0" baseline="0" noProof="0" dirty="0" smtClean="0">
                <a:ln>
                  <a:noFill/>
                </a:ln>
                <a:solidFill>
                  <a:srgbClr val="CCDDEA"/>
                </a:solidFill>
                <a:effectLst/>
                <a:uLnTx/>
                <a:uFillTx/>
              </a:rPr>
              <a:t>August </a:t>
            </a:r>
          </a:p>
        </p:txBody>
      </p:sp>
      <p:cxnSp>
        <p:nvCxnSpPr>
          <p:cNvPr id="24" name="OTLSHAPE_TB_00000000000000000000000000000000_Separator7"/>
          <p:cNvCxnSpPr/>
          <p:nvPr>
            <p:custDataLst>
              <p:tags r:id="rId19"/>
            </p:custDataLst>
          </p:nvPr>
        </p:nvCxnSpPr>
        <p:spPr>
          <a:xfrm>
            <a:off x="8883989" y="3617022"/>
            <a:ext cx="0" cy="400191"/>
          </a:xfrm>
          <a:prstGeom prst="line">
            <a:avLst/>
          </a:prstGeom>
          <a:noFill/>
          <a:ln w="6350" cap="flat" cmpd="sng" algn="ctr">
            <a:solidFill>
              <a:srgbClr val="CCDDE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25" name="OTLSHAPE_TB_00000000000000000000000000000000_TimescaleInterval8"/>
          <p:cNvSpPr txBox="1"/>
          <p:nvPr>
            <p:custDataLst>
              <p:tags r:id="rId20"/>
            </p:custDataLst>
          </p:nvPr>
        </p:nvSpPr>
        <p:spPr>
          <a:xfrm>
            <a:off x="8973630" y="3670549"/>
            <a:ext cx="327305" cy="2931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0" cap="none" spc="-22" normalizeH="0" baseline="0" noProof="0" dirty="0" smtClean="0">
                <a:ln>
                  <a:noFill/>
                </a:ln>
                <a:solidFill>
                  <a:srgbClr val="CCDDEA"/>
                </a:solidFill>
                <a:effectLst/>
                <a:uLnTx/>
                <a:uFillTx/>
              </a:rPr>
              <a:t>September &amp; Beyond</a:t>
            </a:r>
          </a:p>
        </p:txBody>
      </p:sp>
      <p:sp>
        <p:nvSpPr>
          <p:cNvPr id="28" name="OTLSHAPE_M_a58f29487c0343c08abcf41913e40cae_Title"/>
          <p:cNvSpPr txBox="1"/>
          <p:nvPr>
            <p:custDataLst>
              <p:tags r:id="rId21"/>
            </p:custDataLst>
          </p:nvPr>
        </p:nvSpPr>
        <p:spPr>
          <a:xfrm>
            <a:off x="1621244" y="1363475"/>
            <a:ext cx="56233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6" normalizeH="0" baseline="0" noProof="0" dirty="0" smtClean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</a:rPr>
              <a:t>SC Mtg.</a:t>
            </a:r>
          </a:p>
        </p:txBody>
      </p:sp>
      <p:sp>
        <p:nvSpPr>
          <p:cNvPr id="29" name="OTLSHAPE_M_a58f29487c0343c08abcf41913e40cae_Date"/>
          <p:cNvSpPr txBox="1"/>
          <p:nvPr>
            <p:custDataLst>
              <p:tags r:id="rId22"/>
            </p:custDataLst>
          </p:nvPr>
        </p:nvSpPr>
        <p:spPr>
          <a:xfrm>
            <a:off x="1627965" y="1595017"/>
            <a:ext cx="55577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-8" normalizeH="0" baseline="0" noProof="0" dirty="0" smtClean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</a:rPr>
              <a:t>Feb. 20</a:t>
            </a:r>
          </a:p>
        </p:txBody>
      </p:sp>
      <p:sp>
        <p:nvSpPr>
          <p:cNvPr id="30" name="OTLSHAPE_M_a58f29487c0343c08abcf41913e40cae_Shape"/>
          <p:cNvSpPr/>
          <p:nvPr>
            <p:custDataLst>
              <p:tags r:id="rId23"/>
            </p:custDataLst>
          </p:nvPr>
        </p:nvSpPr>
        <p:spPr>
          <a:xfrm rot="16200000">
            <a:off x="1648833" y="1844795"/>
            <a:ext cx="260124" cy="23306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OTLSHAPE_M_52743de8bb6d4044896f473898fe9da7_Shape"/>
          <p:cNvSpPr/>
          <p:nvPr>
            <p:custDataLst>
              <p:tags r:id="rId24"/>
            </p:custDataLst>
          </p:nvPr>
        </p:nvSpPr>
        <p:spPr>
          <a:xfrm rot="16200000">
            <a:off x="2299669" y="2575844"/>
            <a:ext cx="260124" cy="23306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4" name="OTLSHAPE_M_6a283b367375415b92b0e5fc4e16a0cc_Title"/>
          <p:cNvSpPr txBox="1"/>
          <p:nvPr>
            <p:custDataLst>
              <p:tags r:id="rId25"/>
            </p:custDataLst>
          </p:nvPr>
        </p:nvSpPr>
        <p:spPr>
          <a:xfrm>
            <a:off x="5246205" y="2660151"/>
            <a:ext cx="1945703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6" normalizeH="0" baseline="0" noProof="0" dirty="0" smtClean="0">
                <a:ln>
                  <a:noFill/>
                </a:ln>
                <a:solidFill>
                  <a:srgbClr val="FF9900"/>
                </a:solidFill>
                <a:effectLst/>
                <a:uLnTx/>
                <a:uFillTx/>
              </a:rPr>
              <a:t>Milestone: Stakeholders Work Complete</a:t>
            </a:r>
          </a:p>
        </p:txBody>
      </p:sp>
      <p:sp>
        <p:nvSpPr>
          <p:cNvPr id="36" name="OTLSHAPE_M_7b0996464ffd4cd3a3b383ab1ba22438_Title"/>
          <p:cNvSpPr txBox="1"/>
          <p:nvPr>
            <p:custDataLst>
              <p:tags r:id="rId26"/>
            </p:custDataLst>
          </p:nvPr>
        </p:nvSpPr>
        <p:spPr>
          <a:xfrm>
            <a:off x="7301386" y="2677543"/>
            <a:ext cx="1251360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6" normalizeH="0" baseline="0" noProof="0" dirty="0" smtClean="0">
                <a:ln>
                  <a:noFill/>
                </a:ln>
                <a:solidFill>
                  <a:srgbClr val="489A61"/>
                </a:solidFill>
                <a:effectLst/>
                <a:uLnTx/>
                <a:uFillTx/>
              </a:rPr>
              <a:t>Milestone: BOS Presentation</a:t>
            </a:r>
          </a:p>
        </p:txBody>
      </p:sp>
      <p:sp>
        <p:nvSpPr>
          <p:cNvPr id="38" name="OTLSHAPE_T_7c518fb37f2142bb8e0445920d0403b5_Shape"/>
          <p:cNvSpPr/>
          <p:nvPr>
            <p:custDataLst>
              <p:tags r:id="rId27"/>
            </p:custDataLst>
          </p:nvPr>
        </p:nvSpPr>
        <p:spPr>
          <a:xfrm>
            <a:off x="796013" y="4437021"/>
            <a:ext cx="3609942" cy="390079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T_7c518fb37f2142bb8e0445920d0403b5_Title"/>
          <p:cNvSpPr txBox="1"/>
          <p:nvPr>
            <p:custDataLst>
              <p:tags r:id="rId28"/>
            </p:custDataLst>
          </p:nvPr>
        </p:nvSpPr>
        <p:spPr>
          <a:xfrm>
            <a:off x="935955" y="4511607"/>
            <a:ext cx="29333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8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Plan Drafting &amp; Review</a:t>
            </a:r>
          </a:p>
        </p:txBody>
      </p:sp>
      <p:sp>
        <p:nvSpPr>
          <p:cNvPr id="40" name="OTLSHAPE_T_7c518fb37f2142bb8e0445920d0403b5_JoinedDate"/>
          <p:cNvSpPr txBox="1"/>
          <p:nvPr>
            <p:custDataLst>
              <p:tags r:id="rId29"/>
            </p:custDataLst>
          </p:nvPr>
        </p:nvSpPr>
        <p:spPr>
          <a:xfrm>
            <a:off x="4507634" y="4487971"/>
            <a:ext cx="14051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-4" normalizeH="0" baseline="0" noProof="0" dirty="0" smtClean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</a:rPr>
              <a:t>Feb. 1 – Apr. 30</a:t>
            </a:r>
          </a:p>
        </p:txBody>
      </p:sp>
      <p:sp>
        <p:nvSpPr>
          <p:cNvPr id="44" name="OTLSHAPE_T_9aa183d65df24b0c8fecd0a002471583_Shape"/>
          <p:cNvSpPr/>
          <p:nvPr>
            <p:custDataLst>
              <p:tags r:id="rId30"/>
            </p:custDataLst>
          </p:nvPr>
        </p:nvSpPr>
        <p:spPr>
          <a:xfrm>
            <a:off x="5040654" y="4988672"/>
            <a:ext cx="503164" cy="359779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" name="OTLSHAPE_T_9aa183d65df24b0c8fecd0a002471583_Title"/>
          <p:cNvSpPr txBox="1"/>
          <p:nvPr>
            <p:custDataLst>
              <p:tags r:id="rId31"/>
            </p:custDataLst>
          </p:nvPr>
        </p:nvSpPr>
        <p:spPr>
          <a:xfrm>
            <a:off x="3018180" y="5037172"/>
            <a:ext cx="1995350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8" normalizeH="0" baseline="0" noProof="0" dirty="0" smtClean="0">
                <a:ln>
                  <a:noFill/>
                </a:ln>
                <a:solidFill>
                  <a:srgbClr val="D24726"/>
                </a:solidFill>
                <a:effectLst/>
                <a:uLnTx/>
                <a:uFillTx/>
              </a:rPr>
              <a:t>Public Outreach Round III</a:t>
            </a:r>
          </a:p>
        </p:txBody>
      </p:sp>
      <p:sp>
        <p:nvSpPr>
          <p:cNvPr id="46" name="OTLSHAPE_T_9aa183d65df24b0c8fecd0a002471583_JoinedDate"/>
          <p:cNvSpPr txBox="1"/>
          <p:nvPr>
            <p:custDataLst>
              <p:tags r:id="rId32"/>
            </p:custDataLst>
          </p:nvPr>
        </p:nvSpPr>
        <p:spPr>
          <a:xfrm>
            <a:off x="5635646" y="5037172"/>
            <a:ext cx="167125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-4" normalizeH="0" baseline="0" noProof="0" dirty="0" smtClean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</a:rPr>
              <a:t>May 14 – June 1</a:t>
            </a:r>
          </a:p>
        </p:txBody>
      </p:sp>
      <p:sp>
        <p:nvSpPr>
          <p:cNvPr id="47" name="OTLSHAPE_T_06a6a20021ea4acdac20b41f7b37b0dd_Shape"/>
          <p:cNvSpPr/>
          <p:nvPr>
            <p:custDataLst>
              <p:tags r:id="rId33"/>
            </p:custDataLst>
          </p:nvPr>
        </p:nvSpPr>
        <p:spPr>
          <a:xfrm>
            <a:off x="8906556" y="4442608"/>
            <a:ext cx="1307708" cy="384492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T_06a6a20021ea4acdac20b41f7b37b0dd_Title"/>
          <p:cNvSpPr txBox="1"/>
          <p:nvPr>
            <p:custDataLst>
              <p:tags r:id="rId34"/>
            </p:custDataLst>
          </p:nvPr>
        </p:nvSpPr>
        <p:spPr>
          <a:xfrm>
            <a:off x="8462934" y="4509433"/>
            <a:ext cx="168278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8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PC Deliberation</a:t>
            </a:r>
          </a:p>
        </p:txBody>
      </p:sp>
      <p:sp>
        <p:nvSpPr>
          <p:cNvPr id="51" name="OTLSHAPE_T_7c518fb37f2142bb8e0445920d0403b5_Title"/>
          <p:cNvSpPr txBox="1"/>
          <p:nvPr>
            <p:custDataLst>
              <p:tags r:id="rId35"/>
            </p:custDataLst>
          </p:nvPr>
        </p:nvSpPr>
        <p:spPr>
          <a:xfrm>
            <a:off x="6115104" y="4523743"/>
            <a:ext cx="109887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8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Plan Revision</a:t>
            </a:r>
          </a:p>
        </p:txBody>
      </p:sp>
      <p:cxnSp>
        <p:nvCxnSpPr>
          <p:cNvPr id="53" name="OTLSHAPE_M_a58f29487c0343c08abcf41913e40cae_Connector1"/>
          <p:cNvCxnSpPr/>
          <p:nvPr>
            <p:custDataLst>
              <p:tags r:id="rId36"/>
            </p:custDataLst>
          </p:nvPr>
        </p:nvCxnSpPr>
        <p:spPr>
          <a:xfrm>
            <a:off x="2849560" y="1836030"/>
            <a:ext cx="0" cy="1680945"/>
          </a:xfrm>
          <a:prstGeom prst="line">
            <a:avLst/>
          </a:prstGeom>
          <a:noFill/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55" name="OTLSHAPE_M_a58f29487c0343c08abcf41913e40cae_Shape"/>
          <p:cNvSpPr/>
          <p:nvPr>
            <p:custDataLst>
              <p:tags r:id="rId37"/>
            </p:custDataLst>
          </p:nvPr>
        </p:nvSpPr>
        <p:spPr>
          <a:xfrm rot="16200000">
            <a:off x="2867672" y="1859610"/>
            <a:ext cx="260124" cy="23306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57" name="OTLSHAPE_M_52743de8bb6d4044896f473898fe9da7_Connector1"/>
          <p:cNvCxnSpPr/>
          <p:nvPr>
            <p:custDataLst>
              <p:tags r:id="rId38"/>
            </p:custDataLst>
          </p:nvPr>
        </p:nvCxnSpPr>
        <p:spPr>
          <a:xfrm>
            <a:off x="4387204" y="2558626"/>
            <a:ext cx="0" cy="953727"/>
          </a:xfrm>
          <a:prstGeom prst="line">
            <a:avLst/>
          </a:prstGeom>
          <a:noFill/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58" name="OTLSHAPE_M_52743de8bb6d4044896f473898fe9da7_Shape"/>
          <p:cNvSpPr/>
          <p:nvPr>
            <p:custDataLst>
              <p:tags r:id="rId39"/>
            </p:custDataLst>
          </p:nvPr>
        </p:nvSpPr>
        <p:spPr>
          <a:xfrm rot="16200000">
            <a:off x="4418496" y="2587191"/>
            <a:ext cx="260124" cy="23306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85" name="Group 84"/>
          <p:cNvGrpSpPr/>
          <p:nvPr/>
        </p:nvGrpSpPr>
        <p:grpSpPr>
          <a:xfrm>
            <a:off x="2657401" y="1401523"/>
            <a:ext cx="648145" cy="421219"/>
            <a:chOff x="2813266" y="1411914"/>
            <a:chExt cx="648145" cy="421219"/>
          </a:xfrm>
        </p:grpSpPr>
        <p:sp>
          <p:nvSpPr>
            <p:cNvPr id="54" name="OTLSHAPE_M_a58f29487c0343c08abcf41913e40cae_Date"/>
            <p:cNvSpPr txBox="1"/>
            <p:nvPr>
              <p:custDataLst>
                <p:tags r:id="rId68"/>
              </p:custDataLst>
            </p:nvPr>
          </p:nvSpPr>
          <p:spPr>
            <a:xfrm>
              <a:off x="2813266" y="1617689"/>
              <a:ext cx="648145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8" normalizeH="0" baseline="0" noProof="0" dirty="0" smtClean="0">
                  <a:ln>
                    <a:noFill/>
                  </a:ln>
                  <a:solidFill>
                    <a:srgbClr val="7F7F7F"/>
                  </a:solidFill>
                  <a:effectLst/>
                  <a:uLnTx/>
                  <a:uFillTx/>
                </a:rPr>
                <a:t>Mar. 19</a:t>
              </a:r>
            </a:p>
          </p:txBody>
        </p:sp>
        <p:sp>
          <p:nvSpPr>
            <p:cNvPr id="59" name="OTLSHAPE_M_a58f29487c0343c08abcf41913e40cae_Title"/>
            <p:cNvSpPr txBox="1"/>
            <p:nvPr>
              <p:custDataLst>
                <p:tags r:id="rId69"/>
              </p:custDataLst>
            </p:nvPr>
          </p:nvSpPr>
          <p:spPr>
            <a:xfrm>
              <a:off x="2819892" y="1411914"/>
              <a:ext cx="579836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0" cap="none" spc="-6" normalizeH="0" baseline="0" noProof="0" dirty="0" smtClean="0">
                  <a:ln>
                    <a:noFill/>
                  </a:ln>
                  <a:solidFill>
                    <a:srgbClr val="3B5998"/>
                  </a:solidFill>
                  <a:effectLst/>
                  <a:uLnTx/>
                  <a:uFillTx/>
                </a:rPr>
                <a:t>SC Mtg.</a:t>
              </a:r>
            </a:p>
          </p:txBody>
        </p:sp>
      </p:grpSp>
      <p:sp>
        <p:nvSpPr>
          <p:cNvPr id="60" name="OTLSHAPE_M_a58f29487c0343c08abcf41913e40cae_Date"/>
          <p:cNvSpPr txBox="1"/>
          <p:nvPr>
            <p:custDataLst>
              <p:tags r:id="rId40"/>
            </p:custDataLst>
          </p:nvPr>
        </p:nvSpPr>
        <p:spPr>
          <a:xfrm>
            <a:off x="4137039" y="2316338"/>
            <a:ext cx="64814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kern="0" spc="-8" dirty="0" smtClean="0">
                <a:solidFill>
                  <a:srgbClr val="7F7F7F"/>
                </a:solidFill>
              </a:rPr>
              <a:t>Apr. 30</a:t>
            </a:r>
            <a:endParaRPr kumimoji="0" lang="en-US" sz="1400" b="0" i="0" u="none" strike="noStrike" kern="0" cap="none" spc="-8" normalizeH="0" baseline="0" noProof="0" dirty="0" smtClean="0">
              <a:ln>
                <a:noFill/>
              </a:ln>
              <a:solidFill>
                <a:srgbClr val="7F7F7F"/>
              </a:solidFill>
              <a:effectLst/>
              <a:uLnTx/>
              <a:uFillTx/>
            </a:endParaRPr>
          </a:p>
        </p:txBody>
      </p:sp>
      <p:sp>
        <p:nvSpPr>
          <p:cNvPr id="61" name="OTLSHAPE_M_a58f29487c0343c08abcf41913e40cae_Title"/>
          <p:cNvSpPr txBox="1"/>
          <p:nvPr>
            <p:custDataLst>
              <p:tags r:id="rId41"/>
            </p:custDataLst>
          </p:nvPr>
        </p:nvSpPr>
        <p:spPr>
          <a:xfrm>
            <a:off x="4143664" y="2103966"/>
            <a:ext cx="58020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6" normalizeH="0" baseline="0" noProof="0" dirty="0" smtClean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</a:rPr>
              <a:t>SC Mtg.</a:t>
            </a:r>
          </a:p>
        </p:txBody>
      </p:sp>
      <p:cxnSp>
        <p:nvCxnSpPr>
          <p:cNvPr id="62" name="OTLSHAPE_M_52743de8bb6d4044896f473898fe9da7_Connector1"/>
          <p:cNvCxnSpPr/>
          <p:nvPr>
            <p:custDataLst>
              <p:tags r:id="rId42"/>
            </p:custDataLst>
          </p:nvPr>
        </p:nvCxnSpPr>
        <p:spPr>
          <a:xfrm>
            <a:off x="3376891" y="2573664"/>
            <a:ext cx="0" cy="953727"/>
          </a:xfrm>
          <a:prstGeom prst="line">
            <a:avLst/>
          </a:prstGeom>
          <a:noFill/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3" name="OTLSHAPE_M_52743de8bb6d4044896f473898fe9da7_Shape"/>
          <p:cNvSpPr/>
          <p:nvPr>
            <p:custDataLst>
              <p:tags r:id="rId43"/>
            </p:custDataLst>
          </p:nvPr>
        </p:nvSpPr>
        <p:spPr>
          <a:xfrm rot="16200000">
            <a:off x="3386198" y="2587193"/>
            <a:ext cx="260124" cy="23306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4" name="OTLSHAPE_M_a58f29487c0343c08abcf41913e40cae_Date"/>
          <p:cNvSpPr txBox="1"/>
          <p:nvPr>
            <p:custDataLst>
              <p:tags r:id="rId44"/>
            </p:custDataLst>
          </p:nvPr>
        </p:nvSpPr>
        <p:spPr>
          <a:xfrm>
            <a:off x="3494482" y="1602292"/>
            <a:ext cx="64814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-8" normalizeH="0" baseline="0" noProof="0" dirty="0" smtClean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</a:rPr>
              <a:t>Apr. 9</a:t>
            </a:r>
          </a:p>
        </p:txBody>
      </p:sp>
      <p:sp>
        <p:nvSpPr>
          <p:cNvPr id="65" name="OTLSHAPE_M_a58f29487c0343c08abcf41913e40cae_Title"/>
          <p:cNvSpPr txBox="1"/>
          <p:nvPr>
            <p:custDataLst>
              <p:tags r:id="rId45"/>
            </p:custDataLst>
          </p:nvPr>
        </p:nvSpPr>
        <p:spPr>
          <a:xfrm>
            <a:off x="3437962" y="1391854"/>
            <a:ext cx="58536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6" normalizeH="0" baseline="0" noProof="0" dirty="0" smtClean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</a:rPr>
              <a:t>SC Mtg.</a:t>
            </a:r>
          </a:p>
        </p:txBody>
      </p:sp>
      <p:sp>
        <p:nvSpPr>
          <p:cNvPr id="66" name="OTLSHAPE_M_a58f29487c0343c08abcf41913e40cae_Date"/>
          <p:cNvSpPr txBox="1"/>
          <p:nvPr>
            <p:custDataLst>
              <p:tags r:id="rId46"/>
            </p:custDataLst>
          </p:nvPr>
        </p:nvSpPr>
        <p:spPr>
          <a:xfrm>
            <a:off x="3048638" y="2369098"/>
            <a:ext cx="64814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-8" normalizeH="0" baseline="0" noProof="0" dirty="0" smtClean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</a:rPr>
              <a:t>Apr. 2</a:t>
            </a:r>
          </a:p>
        </p:txBody>
      </p:sp>
      <p:sp>
        <p:nvSpPr>
          <p:cNvPr id="67" name="OTLSHAPE_M_a58f29487c0343c08abcf41913e40cae_Title"/>
          <p:cNvSpPr txBox="1"/>
          <p:nvPr>
            <p:custDataLst>
              <p:tags r:id="rId47"/>
            </p:custDataLst>
          </p:nvPr>
        </p:nvSpPr>
        <p:spPr>
          <a:xfrm>
            <a:off x="3003307" y="2152476"/>
            <a:ext cx="641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6" normalizeH="0" baseline="0" noProof="0" dirty="0" smtClean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</a:rPr>
              <a:t>SC Mtg.</a:t>
            </a:r>
          </a:p>
        </p:txBody>
      </p:sp>
      <p:cxnSp>
        <p:nvCxnSpPr>
          <p:cNvPr id="68" name="OTLSHAPE_M_a58f29487c0343c08abcf41913e40cae_Connector1"/>
          <p:cNvCxnSpPr/>
          <p:nvPr>
            <p:custDataLst>
              <p:tags r:id="rId48"/>
            </p:custDataLst>
          </p:nvPr>
        </p:nvCxnSpPr>
        <p:spPr>
          <a:xfrm>
            <a:off x="6140879" y="1846446"/>
            <a:ext cx="0" cy="1680945"/>
          </a:xfrm>
          <a:prstGeom prst="line">
            <a:avLst/>
          </a:prstGeom>
          <a:noFill/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9" name="OTLSHAPE_M_a58f29487c0343c08abcf41913e40cae_Date"/>
          <p:cNvSpPr txBox="1"/>
          <p:nvPr>
            <p:custDataLst>
              <p:tags r:id="rId49"/>
            </p:custDataLst>
          </p:nvPr>
        </p:nvSpPr>
        <p:spPr>
          <a:xfrm>
            <a:off x="5981619" y="1600246"/>
            <a:ext cx="64814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-8" normalizeH="0" baseline="0" noProof="0" dirty="0" smtClean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</a:rPr>
              <a:t>June 16</a:t>
            </a:r>
          </a:p>
        </p:txBody>
      </p:sp>
      <p:sp>
        <p:nvSpPr>
          <p:cNvPr id="70" name="OTLSHAPE_M_a58f29487c0343c08abcf41913e40cae_Shape"/>
          <p:cNvSpPr/>
          <p:nvPr>
            <p:custDataLst>
              <p:tags r:id="rId50"/>
            </p:custDataLst>
          </p:nvPr>
        </p:nvSpPr>
        <p:spPr>
          <a:xfrm rot="16200000">
            <a:off x="6163206" y="1859975"/>
            <a:ext cx="260124" cy="23306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M_a58f29487c0343c08abcf41913e40cae_Title"/>
          <p:cNvSpPr txBox="1"/>
          <p:nvPr>
            <p:custDataLst>
              <p:tags r:id="rId51"/>
            </p:custDataLst>
          </p:nvPr>
        </p:nvSpPr>
        <p:spPr>
          <a:xfrm>
            <a:off x="5971989" y="1377984"/>
            <a:ext cx="89640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6" normalizeH="0" baseline="0" noProof="0" dirty="0" smtClean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</a:rPr>
              <a:t>SC Mtg.</a:t>
            </a:r>
          </a:p>
        </p:txBody>
      </p:sp>
      <p:cxnSp>
        <p:nvCxnSpPr>
          <p:cNvPr id="76" name="OTLSHAPE_M_52743de8bb6d4044896f473898fe9da7_Connector1"/>
          <p:cNvCxnSpPr/>
          <p:nvPr>
            <p:custDataLst>
              <p:tags r:id="rId52"/>
            </p:custDataLst>
          </p:nvPr>
        </p:nvCxnSpPr>
        <p:spPr>
          <a:xfrm>
            <a:off x="2566276" y="2133247"/>
            <a:ext cx="1297" cy="1379106"/>
          </a:xfrm>
          <a:prstGeom prst="line">
            <a:avLst/>
          </a:prstGeom>
          <a:noFill/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7" name="OTLSHAPE_M_52743de8bb6d4044896f473898fe9da7_Shape"/>
          <p:cNvSpPr/>
          <p:nvPr>
            <p:custDataLst>
              <p:tags r:id="rId53"/>
            </p:custDataLst>
          </p:nvPr>
        </p:nvSpPr>
        <p:spPr>
          <a:xfrm rot="16200000">
            <a:off x="2585852" y="2158958"/>
            <a:ext cx="260124" cy="23306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M_a58f29487c0343c08abcf41913e40cae_Date"/>
          <p:cNvSpPr txBox="1"/>
          <p:nvPr>
            <p:custDataLst>
              <p:tags r:id="rId54"/>
            </p:custDataLst>
          </p:nvPr>
        </p:nvSpPr>
        <p:spPr>
          <a:xfrm>
            <a:off x="1702036" y="2676189"/>
            <a:ext cx="64814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-8" normalizeH="0" baseline="0" noProof="0" dirty="0" smtClean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</a:rPr>
              <a:t>Mar. 5</a:t>
            </a:r>
          </a:p>
        </p:txBody>
      </p:sp>
      <p:sp>
        <p:nvSpPr>
          <p:cNvPr id="89" name="OTLSHAPE_M_a58f29487c0343c08abcf41913e40cae_Title"/>
          <p:cNvSpPr txBox="1"/>
          <p:nvPr>
            <p:custDataLst>
              <p:tags r:id="rId55"/>
            </p:custDataLst>
          </p:nvPr>
        </p:nvSpPr>
        <p:spPr>
          <a:xfrm>
            <a:off x="1677488" y="2462099"/>
            <a:ext cx="57909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6" normalizeH="0" baseline="0" noProof="0" dirty="0" smtClean="0">
                <a:ln>
                  <a:noFill/>
                </a:ln>
                <a:solidFill>
                  <a:srgbClr val="3B5998"/>
                </a:solidFill>
                <a:effectLst/>
                <a:uLnTx/>
                <a:uFillTx/>
              </a:rPr>
              <a:t>SC Mtg.</a:t>
            </a:r>
          </a:p>
        </p:txBody>
      </p:sp>
      <p:grpSp>
        <p:nvGrpSpPr>
          <p:cNvPr id="90" name="Group 89"/>
          <p:cNvGrpSpPr/>
          <p:nvPr/>
        </p:nvGrpSpPr>
        <p:grpSpPr>
          <a:xfrm>
            <a:off x="1968248" y="1826663"/>
            <a:ext cx="648145" cy="429534"/>
            <a:chOff x="2813266" y="1403599"/>
            <a:chExt cx="648145" cy="429534"/>
          </a:xfrm>
        </p:grpSpPr>
        <p:sp>
          <p:nvSpPr>
            <p:cNvPr id="91" name="OTLSHAPE_M_a58f29487c0343c08abcf41913e40cae_Date"/>
            <p:cNvSpPr txBox="1"/>
            <p:nvPr>
              <p:custDataLst>
                <p:tags r:id="rId66"/>
              </p:custDataLst>
            </p:nvPr>
          </p:nvSpPr>
          <p:spPr>
            <a:xfrm>
              <a:off x="2813266" y="1617689"/>
              <a:ext cx="648145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0" cap="none" spc="-8" normalizeH="0" baseline="0" noProof="0" dirty="0" smtClean="0">
                  <a:ln>
                    <a:noFill/>
                  </a:ln>
                  <a:solidFill>
                    <a:srgbClr val="7F7F7F"/>
                  </a:solidFill>
                  <a:effectLst/>
                  <a:uLnTx/>
                  <a:uFillTx/>
                </a:rPr>
                <a:t>Mar. </a:t>
              </a:r>
              <a:r>
                <a:rPr lang="en-US" sz="1400" kern="0" spc="-8" dirty="0" smtClean="0">
                  <a:solidFill>
                    <a:srgbClr val="7F7F7F"/>
                  </a:solidFill>
                </a:rPr>
                <a:t>12</a:t>
              </a:r>
              <a:endParaRPr kumimoji="0" lang="en-US" sz="1400" b="0" i="0" u="none" strike="noStrike" kern="0" cap="none" spc="-8" normalizeH="0" baseline="0" noProof="0" dirty="0" smtClean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</a:endParaRPr>
            </a:p>
          </p:txBody>
        </p:sp>
        <p:sp>
          <p:nvSpPr>
            <p:cNvPr id="92" name="OTLSHAPE_M_a58f29487c0343c08abcf41913e40cae_Title"/>
            <p:cNvSpPr txBox="1"/>
            <p:nvPr>
              <p:custDataLst>
                <p:tags r:id="rId67"/>
              </p:custDataLst>
            </p:nvPr>
          </p:nvSpPr>
          <p:spPr>
            <a:xfrm>
              <a:off x="2819891" y="1403599"/>
              <a:ext cx="579091" cy="215444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1" i="0" u="none" strike="noStrike" kern="0" cap="none" spc="-6" normalizeH="0" baseline="0" noProof="0" dirty="0" smtClean="0">
                  <a:ln>
                    <a:noFill/>
                  </a:ln>
                  <a:solidFill>
                    <a:srgbClr val="3B5998"/>
                  </a:solidFill>
                  <a:effectLst/>
                  <a:uLnTx/>
                  <a:uFillTx/>
                </a:rPr>
                <a:t>SC Mtg.</a:t>
              </a:r>
            </a:p>
          </p:txBody>
        </p:sp>
      </p:grpSp>
      <p:cxnSp>
        <p:nvCxnSpPr>
          <p:cNvPr id="95" name="OTLSHAPE_M_a58f29487c0343c08abcf41913e40cae_Connector1"/>
          <p:cNvCxnSpPr/>
          <p:nvPr>
            <p:custDataLst>
              <p:tags r:id="rId56"/>
            </p:custDataLst>
          </p:nvPr>
        </p:nvCxnSpPr>
        <p:spPr>
          <a:xfrm>
            <a:off x="3646201" y="1832565"/>
            <a:ext cx="0" cy="1680945"/>
          </a:xfrm>
          <a:prstGeom prst="line">
            <a:avLst/>
          </a:prstGeom>
          <a:noFill/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96" name="OTLSHAPE_M_a58f29487c0343c08abcf41913e40cae_Shape"/>
          <p:cNvSpPr/>
          <p:nvPr>
            <p:custDataLst>
              <p:tags r:id="rId57"/>
            </p:custDataLst>
          </p:nvPr>
        </p:nvSpPr>
        <p:spPr>
          <a:xfrm rot="16200000">
            <a:off x="3664313" y="1856145"/>
            <a:ext cx="260124" cy="233065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M_6a283b367375415b92b0e5fc4e16a0cc_Shape"/>
          <p:cNvSpPr/>
          <p:nvPr>
            <p:custDataLst>
              <p:tags r:id="rId58"/>
            </p:custDataLst>
          </p:nvPr>
        </p:nvSpPr>
        <p:spPr>
          <a:xfrm>
            <a:off x="5934819" y="3205596"/>
            <a:ext cx="423002" cy="438293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97" name="OTLSHAPE_M_a58f29487c0343c08abcf41913e40cae_Connector1"/>
          <p:cNvCxnSpPr/>
          <p:nvPr>
            <p:custDataLst>
              <p:tags r:id="rId59"/>
            </p:custDataLst>
          </p:nvPr>
        </p:nvCxnSpPr>
        <p:spPr>
          <a:xfrm>
            <a:off x="7283159" y="1842615"/>
            <a:ext cx="0" cy="1680945"/>
          </a:xfrm>
          <a:prstGeom prst="line">
            <a:avLst/>
          </a:prstGeom>
          <a:noFill/>
          <a:ln w="9525" cap="flat" cmpd="sng" algn="ctr">
            <a:solidFill>
              <a:srgbClr val="C0000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98" name="OTLSHAPE_M_a58f29487c0343c08abcf41913e40cae_Date"/>
          <p:cNvSpPr txBox="1"/>
          <p:nvPr>
            <p:custDataLst>
              <p:tags r:id="rId60"/>
            </p:custDataLst>
          </p:nvPr>
        </p:nvSpPr>
        <p:spPr>
          <a:xfrm>
            <a:off x="7123899" y="1596415"/>
            <a:ext cx="64814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-8" normalizeH="0" baseline="0" noProof="0" dirty="0" smtClean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</a:rPr>
              <a:t>July 19</a:t>
            </a:r>
          </a:p>
        </p:txBody>
      </p:sp>
      <p:sp>
        <p:nvSpPr>
          <p:cNvPr id="99" name="OTLSHAPE_M_a58f29487c0343c08abcf41913e40cae_Shape"/>
          <p:cNvSpPr/>
          <p:nvPr>
            <p:custDataLst>
              <p:tags r:id="rId61"/>
            </p:custDataLst>
          </p:nvPr>
        </p:nvSpPr>
        <p:spPr>
          <a:xfrm rot="16200000">
            <a:off x="7305486" y="1856144"/>
            <a:ext cx="260124" cy="233065"/>
          </a:xfrm>
          <a:prstGeom prst="flowChartMerge">
            <a:avLst/>
          </a:prstGeom>
          <a:solidFill>
            <a:srgbClr val="C00000"/>
          </a:solidFill>
          <a:ln w="12700" cap="flat" cmpd="sng" algn="ctr">
            <a:solidFill>
              <a:srgbClr val="C0000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2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OTLSHAPE_M_a58f29487c0343c08abcf41913e40cae_Title"/>
          <p:cNvSpPr txBox="1"/>
          <p:nvPr>
            <p:custDataLst>
              <p:tags r:id="rId62"/>
            </p:custDataLst>
          </p:nvPr>
        </p:nvSpPr>
        <p:spPr>
          <a:xfrm>
            <a:off x="7041532" y="1374153"/>
            <a:ext cx="89640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6" normalizeH="0" baseline="0" noProof="0" dirty="0" smtClean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</a:rPr>
              <a:t>BOS Mtg.</a:t>
            </a:r>
          </a:p>
        </p:txBody>
      </p:sp>
      <p:sp>
        <p:nvSpPr>
          <p:cNvPr id="37" name="OTLSHAPE_M_7b0996464ffd4cd3a3b383ab1ba22438_Shape"/>
          <p:cNvSpPr/>
          <p:nvPr>
            <p:custDataLst>
              <p:tags r:id="rId63"/>
            </p:custDataLst>
          </p:nvPr>
        </p:nvSpPr>
        <p:spPr>
          <a:xfrm>
            <a:off x="7088441" y="3216832"/>
            <a:ext cx="381277" cy="400191"/>
          </a:xfrm>
          <a:prstGeom prst="teardrop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" name="OTLSHAPE_T_06a6a20021ea4acdac20b41f7b37b0dd_Shape"/>
          <p:cNvSpPr/>
          <p:nvPr>
            <p:custDataLst>
              <p:tags r:id="rId64"/>
            </p:custDataLst>
          </p:nvPr>
        </p:nvSpPr>
        <p:spPr>
          <a:xfrm>
            <a:off x="10214264" y="4956693"/>
            <a:ext cx="1357794" cy="384492"/>
          </a:xfrm>
          <a:prstGeom prst="roundRect">
            <a:avLst>
              <a:gd name="adj" fmla="val 100000"/>
            </a:avLst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T_06a6a20021ea4acdac20b41f7b37b0dd_Title"/>
          <p:cNvSpPr txBox="1"/>
          <p:nvPr>
            <p:custDataLst>
              <p:tags r:id="rId65"/>
            </p:custDataLst>
          </p:nvPr>
        </p:nvSpPr>
        <p:spPr>
          <a:xfrm>
            <a:off x="9829753" y="5043606"/>
            <a:ext cx="168278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-8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BOS Deliberation</a:t>
            </a:r>
          </a:p>
        </p:txBody>
      </p:sp>
    </p:spTree>
    <p:extLst>
      <p:ext uri="{BB962C8B-B14F-4D97-AF65-F5344CB8AC3E}">
        <p14:creationId xmlns:p14="http://schemas.microsoft.com/office/powerpoint/2010/main" val="3405308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8262" y="188930"/>
            <a:ext cx="10515600" cy="998454"/>
          </a:xfrm>
        </p:spPr>
        <p:txBody>
          <a:bodyPr/>
          <a:lstStyle/>
          <a:p>
            <a:r>
              <a:rPr lang="en-US" dirty="0" smtClean="0"/>
              <a:t>Meeting Layout</a:t>
            </a:r>
            <a:endParaRPr lang="en-US" dirty="0"/>
          </a:p>
        </p:txBody>
      </p:sp>
      <p:graphicFrame>
        <p:nvGraphicFramePr>
          <p:cNvPr id="8" name="Diagram 7"/>
          <p:cNvGraphicFramePr/>
          <p:nvPr>
            <p:extLst>
              <p:ext uri="{D42A27DB-BD31-4B8C-83A1-F6EECF244321}">
                <p14:modId xmlns:p14="http://schemas.microsoft.com/office/powerpoint/2010/main" val="2541112405"/>
              </p:ext>
            </p:extLst>
          </p:nvPr>
        </p:nvGraphicFramePr>
        <p:xfrm>
          <a:off x="103031" y="707011"/>
          <a:ext cx="12088969" cy="56843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29766259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iscal and Transportation </a:t>
            </a:r>
            <a:br>
              <a:rPr lang="en-US" dirty="0" smtClean="0"/>
            </a:br>
            <a:r>
              <a:rPr lang="en-US" dirty="0" smtClean="0"/>
              <a:t>High-Level Impacts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idx="1"/>
          </p:nvPr>
        </p:nvSpPr>
        <p:spPr>
          <a:xfrm>
            <a:off x="275772" y="1681163"/>
            <a:ext cx="5721804" cy="597580"/>
          </a:xfrm>
          <a:ln w="25400">
            <a:solidFill>
              <a:schemeClr val="accent1"/>
            </a:solidFill>
          </a:ln>
        </p:spPr>
        <p:txBody>
          <a:bodyPr>
            <a:normAutofit/>
          </a:bodyPr>
          <a:lstStyle/>
          <a:p>
            <a:r>
              <a:rPr lang="en-US" sz="3200" dirty="0" smtClean="0"/>
              <a:t>Fiscal</a:t>
            </a:r>
            <a:endParaRPr lang="en-US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2"/>
          </p:nvPr>
        </p:nvSpPr>
        <p:spPr>
          <a:xfrm>
            <a:off x="275771" y="2287361"/>
            <a:ext cx="5721804" cy="3684588"/>
          </a:xfrm>
          <a:ln w="25400">
            <a:solidFill>
              <a:schemeClr val="accent1"/>
            </a:solidFill>
          </a:ln>
        </p:spPr>
        <p:txBody>
          <a:bodyPr>
            <a:normAutofit lnSpcReduction="10000"/>
          </a:bodyPr>
          <a:lstStyle/>
          <a:p>
            <a:r>
              <a:rPr lang="en-US" sz="2600" dirty="0" smtClean="0"/>
              <a:t>Countywide Net Fiscal Impacts</a:t>
            </a:r>
          </a:p>
          <a:p>
            <a:r>
              <a:rPr lang="en-US" sz="2600" dirty="0" smtClean="0"/>
              <a:t>Assumptions and methodologies; main “drivers” of fiscal results</a:t>
            </a:r>
          </a:p>
          <a:p>
            <a:r>
              <a:rPr lang="en-US" sz="2600" dirty="0" smtClean="0"/>
              <a:t>Direction of impacts: Positive, Neutral, Negative</a:t>
            </a:r>
          </a:p>
          <a:p>
            <a:r>
              <a:rPr lang="en-US" sz="2600" dirty="0" smtClean="0"/>
              <a:t>Relationship between RPG and proposed plan – more or less fiscally positive</a:t>
            </a:r>
          </a:p>
          <a:p>
            <a:endParaRPr lang="en-US" dirty="0" smtClean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747204" cy="606198"/>
          </a:xfrm>
          <a:ln w="25400">
            <a:solidFill>
              <a:schemeClr val="accent1"/>
            </a:solidFill>
          </a:ln>
        </p:spPr>
        <p:txBody>
          <a:bodyPr>
            <a:normAutofit/>
          </a:bodyPr>
          <a:lstStyle/>
          <a:p>
            <a:r>
              <a:rPr lang="en-US" sz="3200" dirty="0" smtClean="0"/>
              <a:t>Transportation</a:t>
            </a:r>
            <a:endParaRPr lang="en-US" sz="3200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4"/>
          </p:nvPr>
        </p:nvSpPr>
        <p:spPr>
          <a:xfrm>
            <a:off x="6172200" y="2287361"/>
            <a:ext cx="5747204" cy="3684588"/>
          </a:xfrm>
          <a:ln w="25400">
            <a:solidFill>
              <a:schemeClr val="accent1"/>
            </a:solidFill>
          </a:ln>
        </p:spPr>
        <p:txBody>
          <a:bodyPr>
            <a:normAutofit fontScale="92500" lnSpcReduction="20000"/>
          </a:bodyPr>
          <a:lstStyle/>
          <a:p>
            <a:r>
              <a:rPr lang="en-US" dirty="0" smtClean="0"/>
              <a:t>Draft road network </a:t>
            </a:r>
          </a:p>
          <a:p>
            <a:r>
              <a:rPr lang="en-US" dirty="0" smtClean="0"/>
              <a:t>Where changes might be needed</a:t>
            </a:r>
          </a:p>
          <a:p>
            <a:r>
              <a:rPr lang="en-US" dirty="0" smtClean="0"/>
              <a:t>Impact of new growth to regional transportation system</a:t>
            </a:r>
          </a:p>
          <a:p>
            <a:r>
              <a:rPr lang="en-US" dirty="0" smtClean="0"/>
              <a:t>Draft pedestrian and bike network plan</a:t>
            </a:r>
          </a:p>
          <a:p>
            <a:r>
              <a:rPr lang="en-US" dirty="0" smtClean="0"/>
              <a:t>Where new trails and connections are neede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78980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nvisionLoudounPPT_Template">
  <a:themeElements>
    <a:clrScheme name="Loudoun County Colors">
      <a:dk1>
        <a:srgbClr val="006647"/>
      </a:dk1>
      <a:lt1>
        <a:srgbClr val="FFFFFF"/>
      </a:lt1>
      <a:dk2>
        <a:srgbClr val="44546A"/>
      </a:dk2>
      <a:lt2>
        <a:srgbClr val="E7E6E6"/>
      </a:lt2>
      <a:accent1>
        <a:srgbClr val="FFA400"/>
      </a:accent1>
      <a:accent2>
        <a:srgbClr val="006647"/>
      </a:accent2>
      <a:accent3>
        <a:srgbClr val="A5A5A5"/>
      </a:accent3>
      <a:accent4>
        <a:srgbClr val="00A3DF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PPT Apopka">
      <a:dk1>
        <a:srgbClr val="006647"/>
      </a:dk1>
      <a:lt1>
        <a:srgbClr val="FFFFFF"/>
      </a:lt1>
      <a:dk2>
        <a:srgbClr val="44546A"/>
      </a:dk2>
      <a:lt2>
        <a:srgbClr val="E7E6E6"/>
      </a:lt2>
      <a:accent1>
        <a:srgbClr val="FFA400"/>
      </a:accent1>
      <a:accent2>
        <a:srgbClr val="006647"/>
      </a:accent2>
      <a:accent3>
        <a:srgbClr val="A5A5A5"/>
      </a:accent3>
      <a:accent4>
        <a:srgbClr val="00A3DF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_Office Theme">
  <a:themeElements>
    <a:clrScheme name="PPT Apopka">
      <a:dk1>
        <a:srgbClr val="006647"/>
      </a:dk1>
      <a:lt1>
        <a:srgbClr val="FFFFFF"/>
      </a:lt1>
      <a:dk2>
        <a:srgbClr val="44546A"/>
      </a:dk2>
      <a:lt2>
        <a:srgbClr val="E7E6E6"/>
      </a:lt2>
      <a:accent1>
        <a:srgbClr val="FFA400"/>
      </a:accent1>
      <a:accent2>
        <a:srgbClr val="006647"/>
      </a:accent2>
      <a:accent3>
        <a:srgbClr val="A5A5A5"/>
      </a:accent3>
      <a:accent4>
        <a:srgbClr val="00A3DF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031</TotalTime>
  <Words>2561</Words>
  <Application>Microsoft Office PowerPoint</Application>
  <PresentationFormat>Widescreen</PresentationFormat>
  <Paragraphs>521</Paragraphs>
  <Slides>57</Slides>
  <Notes>57</Notes>
  <HiddenSlides>9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57</vt:i4>
      </vt:variant>
    </vt:vector>
  </HeadingPairs>
  <TitlesOfParts>
    <vt:vector size="67" baseType="lpstr">
      <vt:lpstr>Arial</vt:lpstr>
      <vt:lpstr>Arial Black</vt:lpstr>
      <vt:lpstr>Calibri</vt:lpstr>
      <vt:lpstr>Corbel</vt:lpstr>
      <vt:lpstr>Lucida Grande</vt:lpstr>
      <vt:lpstr>Tahoma</vt:lpstr>
      <vt:lpstr>Times New Roman</vt:lpstr>
      <vt:lpstr>EnvisionLoudounPPT_Template</vt:lpstr>
      <vt:lpstr>Office Theme</vt:lpstr>
      <vt:lpstr>1_Office Theme</vt:lpstr>
      <vt:lpstr>PowerPoint Presentation</vt:lpstr>
      <vt:lpstr>Comprehensive Plan Stakeholders Committee Meeting</vt:lpstr>
      <vt:lpstr>Agenda</vt:lpstr>
      <vt:lpstr>Meeting Objectives</vt:lpstr>
      <vt:lpstr>PowerPoint Presentation</vt:lpstr>
      <vt:lpstr>Current Project Timeline</vt:lpstr>
      <vt:lpstr>Project Timeline</vt:lpstr>
      <vt:lpstr>Meeting Layout</vt:lpstr>
      <vt:lpstr>Fiscal and Transportation  High-Level Impacts</vt:lpstr>
      <vt:lpstr>Meeting Layout</vt:lpstr>
      <vt:lpstr>PowerPoint Presentation</vt:lpstr>
      <vt:lpstr>Revised Plan Outline</vt:lpstr>
      <vt:lpstr>Original Plan Outline</vt:lpstr>
      <vt:lpstr>Revised Plan Outline</vt:lpstr>
      <vt:lpstr>Revised Plan Outline</vt:lpstr>
      <vt:lpstr>Revised Plan Outline</vt:lpstr>
      <vt:lpstr>Revised Plan Outline</vt:lpstr>
      <vt:lpstr>Revised Plan Outline</vt:lpstr>
      <vt:lpstr>PowerPoint Presentation</vt:lpstr>
      <vt:lpstr>Policy Carryover Task Update</vt:lpstr>
      <vt:lpstr>Reminders</vt:lpstr>
      <vt:lpstr>Task Timeline</vt:lpstr>
      <vt:lpstr>Subcommittee Considerations</vt:lpstr>
      <vt:lpstr>Policy Consolidation Update</vt:lpstr>
      <vt:lpstr>Forthcoming Topics</vt:lpstr>
      <vt:lpstr>Discussion on Implementation</vt:lpstr>
      <vt:lpstr>Recommendation Highlights</vt:lpstr>
      <vt:lpstr>Next Steps </vt:lpstr>
      <vt:lpstr>Any Questions or Comments?</vt:lpstr>
      <vt:lpstr>PowerPoint Presentation</vt:lpstr>
      <vt:lpstr>Housing Policies, Actions &amp; Strategies</vt:lpstr>
      <vt:lpstr>Housing Issues</vt:lpstr>
      <vt:lpstr>Housing Policy Development</vt:lpstr>
      <vt:lpstr>Housing Policy Timeline</vt:lpstr>
      <vt:lpstr>Housing Policy Timeline</vt:lpstr>
      <vt:lpstr>Housing Policy Timeline</vt:lpstr>
      <vt:lpstr>Housing Policy Timeline</vt:lpstr>
      <vt:lpstr>Housing Policies, Actions, and Strategies</vt:lpstr>
      <vt:lpstr>Small Group Discussion</vt:lpstr>
      <vt:lpstr>PowerPoint Presentation</vt:lpstr>
      <vt:lpstr>Suburban Policy Area Policies, Actions &amp; Strategies</vt:lpstr>
      <vt:lpstr>Suburban Policy Area</vt:lpstr>
      <vt:lpstr>Suburban Policy Area</vt:lpstr>
      <vt:lpstr>Suburban Policy Area</vt:lpstr>
      <vt:lpstr>Policies, Strategies &amp; Actions</vt:lpstr>
      <vt:lpstr>Policies, Strategies &amp; Actions</vt:lpstr>
      <vt:lpstr>Small Group Discussion</vt:lpstr>
      <vt:lpstr>PowerPoint Presentation</vt:lpstr>
      <vt:lpstr>Towns &amp; Joint Land Management Area</vt:lpstr>
      <vt:lpstr>Town Comments &amp; Input</vt:lpstr>
      <vt:lpstr>Future Planning Needs</vt:lpstr>
      <vt:lpstr>PowerPoint Presentation</vt:lpstr>
      <vt:lpstr>Hillsboro</vt:lpstr>
      <vt:lpstr>Lovettsville</vt:lpstr>
      <vt:lpstr>Middleburg</vt:lpstr>
      <vt:lpstr>Purcellville</vt:lpstr>
      <vt:lpstr>Round Hill</vt:lpstr>
    </vt:vector>
  </TitlesOfParts>
  <Company>County of Loudoun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Weaver, Liz</dc:creator>
  <cp:lastModifiedBy>Galindo, Daniel</cp:lastModifiedBy>
  <cp:revision>112</cp:revision>
  <cp:lastPrinted>2018-02-20T22:05:57Z</cp:lastPrinted>
  <dcterms:created xsi:type="dcterms:W3CDTF">2018-01-11T16:25:58Z</dcterms:created>
  <dcterms:modified xsi:type="dcterms:W3CDTF">2018-02-21T00:18:58Z</dcterms:modified>
</cp:coreProperties>
</file>